
<file path=[Content_Types].xml><?xml version="1.0" encoding="utf-8"?>
<Types xmlns="http://schemas.openxmlformats.org/package/2006/content-types"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diagrams/drawing2.xml" ContentType="application/vnd.ms-office.drawingml.diagramDrawing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diagrams/quickStyle2.xml" ContentType="application/vnd.openxmlformats-officedocument.drawingml.diagramStyle+xml"/>
  <Override PartName="/ppt/diagrams/colors11.xml" ContentType="application/vnd.openxmlformats-officedocument.drawingml.diagramColors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diagrams/layout9.xml" ContentType="application/vnd.openxmlformats-officedocument.drawingml.diagramLayout+xml"/>
  <Override PartName="/ppt/diagrams/data13.xml" ContentType="application/vnd.openxmlformats-officedocument.drawingml.diagramData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diagrams/layout5.xml" ContentType="application/vnd.openxmlformats-officedocument.drawingml.diagramLayout+xml"/>
  <Override PartName="/ppt/diagrams/data6.xml" ContentType="application/vnd.openxmlformats-officedocument.drawingml.diagramData+xml"/>
  <Override PartName="/ppt/diagrams/colors8.xml" ContentType="application/vnd.openxmlformats-officedocument.drawingml.diagramColors+xml"/>
  <Override PartName="/ppt/notesSlides/notesSlide12.xml" ContentType="application/vnd.openxmlformats-officedocument.presentationml.notesSlide+xml"/>
  <Override PartName="/ppt/diagrams/quickStyle13.xml" ContentType="application/vnd.openxmlformats-officedocument.drawingml.diagramStyle+xml"/>
  <Override PartName="/ppt/diagrams/drawing14.xml" ContentType="application/vnd.ms-office.drawingml.diagramDrawing+xml"/>
  <Override PartName="/ppt/diagrams/layout1.xml" ContentType="application/vnd.openxmlformats-officedocument.drawingml.diagramLayout+xml"/>
  <Override PartName="/ppt/diagrams/data2.xml" ContentType="application/vnd.openxmlformats-officedocument.drawingml.diagramData+xml"/>
  <Override PartName="/ppt/notesSlides/notesSlide7.xml" ContentType="application/vnd.openxmlformats-officedocument.presentationml.notesSlide+xml"/>
  <Override PartName="/ppt/diagrams/drawing7.xml" ContentType="application/vnd.ms-office.drawingml.diagramDrawing+xml"/>
  <Override PartName="/ppt/diagrams/layout13.xml" ContentType="application/vnd.openxmlformats-officedocument.drawingml.diagramLayout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ags/tag9.xml" ContentType="application/vnd.openxmlformats-officedocument.presentationml.tags+xml"/>
  <Override PartName="/ppt/diagrams/colors4.xml" ContentType="application/vnd.openxmlformats-officedocument.drawingml.diagramColors+xml"/>
  <Override PartName="/ppt/diagrams/quickStyle7.xml" ContentType="application/vnd.openxmlformats-officedocument.drawingml.diagramStyle+xml"/>
  <Override PartName="/ppt/diagrams/drawing10.xml" ContentType="application/vnd.ms-office.drawingml.diagramDrawing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notesSlides/notesSlide1.xml" ContentType="application/vnd.openxmlformats-officedocument.presentationml.notesSlide+xml"/>
  <Override PartName="/ppt/tags/tag7.xml" ContentType="application/vnd.openxmlformats-officedocument.presentationml.tags+xml"/>
  <Override PartName="/ppt/notesSlides/notesSlide3.xml" ContentType="application/vnd.openxmlformats-officedocument.presentationml.notesSlide+xml"/>
  <Override PartName="/ppt/diagrams/colors2.xml" ContentType="application/vnd.openxmlformats-officedocument.drawingml.diagramColors+xml"/>
  <Override PartName="/ppt/diagrams/drawing3.xml" ContentType="application/vnd.ms-office.drawingml.diagramDrawing+xml"/>
  <Override PartName="/ppt/diagrams/quickStyle5.xml" ContentType="application/vnd.openxmlformats-officedocument.drawingml.diagramStyle+xml"/>
  <Override PartName="/ppt/diagrams/colors12.xml" ContentType="application/vnd.openxmlformats-officedocument.drawingml.diagramColors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diagrams/drawing1.xml" ContentType="application/vnd.ms-office.drawingml.diagramDrawing+xml"/>
  <Override PartName="/ppt/diagrams/quickStyle3.xml" ContentType="application/vnd.openxmlformats-officedocument.drawingml.diagramStyle+xml"/>
  <Override PartName="/ppt/diagrams/colors10.xml" ContentType="application/vnd.openxmlformats-officedocument.drawingml.diagramColors+xml"/>
  <Override PartName="/ppt/diagrams/data14.xml" ContentType="application/vnd.openxmlformats-officedocument.drawingml.diagramData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diagrams/quickStyle1.xml" ContentType="application/vnd.openxmlformats-officedocument.drawingml.diagramStyle+xml"/>
  <Override PartName="/ppt/diagrams/layout8.xml" ContentType="application/vnd.openxmlformats-officedocument.drawingml.diagramLayout+xml"/>
  <Override PartName="/ppt/diagrams/data12.xml" ContentType="application/vnd.openxmlformats-officedocument.drawingml.diagramData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ppt/diagrams/layout6.xml" ContentType="application/vnd.openxmlformats-officedocument.drawingml.diagramLayout+xml"/>
  <Override PartName="/ppt/diagrams/data9.xml" ContentType="application/vnd.openxmlformats-officedocument.drawingml.diagramData+xml"/>
  <Override PartName="/ppt/diagrams/data10.xml" ContentType="application/vnd.openxmlformats-officedocument.drawingml.diagramData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diagrams/layout4.xml" ContentType="application/vnd.openxmlformats-officedocument.drawingml.diagramLayout+xml"/>
  <Override PartName="/ppt/diagrams/data7.xml" ContentType="application/vnd.openxmlformats-officedocument.drawingml.diagramData+xml"/>
  <Override PartName="/ppt/diagrams/colors9.xml" ContentType="application/vnd.openxmlformats-officedocument.drawingml.diagramColors+xml"/>
  <Override PartName="/ppt/notesSlides/notesSlide13.xml" ContentType="application/vnd.openxmlformats-officedocument.presentationml.notesSlide+xml"/>
  <Override PartName="/ppt/diagrams/quickStyle14.xml" ContentType="application/vnd.openxmlformats-officedocument.drawingml.diagramStyle+xml"/>
  <Override PartName="/ppt/slideLayouts/slideLayout10.xml" ContentType="application/vnd.openxmlformats-officedocument.presentationml.slideLayout+xml"/>
  <Override PartName="/ppt/diagrams/layout2.xml" ContentType="application/vnd.openxmlformats-officedocument.drawingml.diagramLayout+xml"/>
  <Override PartName="/ppt/diagrams/data5.xml" ContentType="application/vnd.openxmlformats-officedocument.drawingml.diagramData+xml"/>
  <Override PartName="/ppt/diagrams/colors7.xml" ContentType="application/vnd.openxmlformats-officedocument.drawingml.diagramColors+xml"/>
  <Override PartName="/ppt/notesSlides/notesSlide8.xml" ContentType="application/vnd.openxmlformats-officedocument.presentationml.notesSlide+xml"/>
  <Override PartName="/ppt/diagrams/drawing8.xml" ContentType="application/vnd.ms-office.drawingml.diagramDrawing+xml"/>
  <Override PartName="/ppt/notesSlides/notesSlide11.xml" ContentType="application/vnd.openxmlformats-officedocument.presentationml.notesSlide+xml"/>
  <Override PartName="/ppt/diagrams/quickStyle12.xml" ContentType="application/vnd.openxmlformats-officedocument.drawingml.diagramStyle+xml"/>
  <Override PartName="/ppt/diagrams/drawing13.xml" ContentType="application/vnd.ms-office.drawingml.diagramDrawing+xml"/>
  <Override PartName="/ppt/diagrams/data3.xml" ContentType="application/vnd.openxmlformats-officedocument.drawingml.diagramData+xml"/>
  <Override PartName="/ppt/diagrams/colors5.xml" ContentType="application/vnd.openxmlformats-officedocument.drawingml.diagramColors+xml"/>
  <Override PartName="/ppt/notesSlides/notesSlide6.xml" ContentType="application/vnd.openxmlformats-officedocument.presentationml.notesSlide+xml"/>
  <Override PartName="/ppt/diagrams/drawing6.xml" ContentType="application/vnd.ms-office.drawingml.diagramDrawing+xml"/>
  <Override PartName="/ppt/diagrams/quickStyle8.xml" ContentType="application/vnd.openxmlformats-officedocument.drawingml.diagramStyle+xml"/>
  <Override PartName="/ppt/diagrams/quickStyle10.xml" ContentType="application/vnd.openxmlformats-officedocument.drawingml.diagramStyle+xml"/>
  <Override PartName="/ppt/diagrams/drawing11.xml" ContentType="application/vnd.ms-office.drawingml.diagramDrawing+xml"/>
  <Override PartName="/ppt/diagrams/layout14.xml" ContentType="application/vnd.openxmlformats-officedocument.drawingml.diagramLayout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diagrams/data1.xml" ContentType="application/vnd.openxmlformats-officedocument.drawingml.diagramData+xml"/>
  <Override PartName="/ppt/notesSlides/notesSlide4.xml" ContentType="application/vnd.openxmlformats-officedocument.presentationml.notesSlide+xml"/>
  <Override PartName="/ppt/diagrams/colors3.xml" ContentType="application/vnd.openxmlformats-officedocument.drawingml.diagramColors+xml"/>
  <Override PartName="/ppt/diagrams/drawing4.xml" ContentType="application/vnd.ms-office.drawingml.diagramDrawing+xml"/>
  <Override PartName="/ppt/diagrams/quickStyle6.xml" ContentType="application/vnd.openxmlformats-officedocument.drawingml.diagramStyle+xml"/>
  <Override PartName="/ppt/diagrams/layout12.xml" ContentType="application/vnd.openxmlformats-officedocument.drawingml.diagramLayout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  <Override PartName="/ppt/diagrams/colors1.xml" ContentType="application/vnd.openxmlformats-officedocument.drawingml.diagramColors+xml"/>
  <Override PartName="/ppt/diagrams/quickStyle4.xml" ContentType="application/vnd.openxmlformats-officedocument.drawingml.diagramStyle+xml"/>
  <Override PartName="/ppt/diagrams/layout10.xml" ContentType="application/vnd.openxmlformats-officedocument.drawingml.diagramLayout+xml"/>
  <Override PartName="/ppt/diagrams/colors13.xml" ContentType="application/vnd.openxmlformats-officedocument.drawingml.diagramColors+xml"/>
  <Override PartName="/ppt/slideMasters/slideMaster1.xml" ContentType="application/vnd.openxmlformats-officedocument.presentationml.slideMaster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ags/tag2.xml" ContentType="application/vnd.openxmlformats-officedocument.presentationml.tags+xml"/>
  <Override PartName="/ppt/diagrams/data11.xml" ContentType="application/vnd.openxmlformats-officedocument.drawingml.diagramData+xml"/>
  <Default Extension="rels" ContentType="application/vnd.openxmlformats-package.relationships+xml"/>
  <Override PartName="/ppt/diagrams/layout7.xml" ContentType="application/vnd.openxmlformats-officedocument.drawingml.diagramLayout+xml"/>
  <Override PartName="/ppt/diagrams/data8.xml" ContentType="application/vnd.openxmlformats-officedocument.drawingml.diagramData+xml"/>
  <Override PartName="/ppt/slides/slide12.xml" ContentType="application/vnd.openxmlformats-officedocument.presentationml.slide+xml"/>
  <Override PartName="/ppt/slideLayouts/slideLayout11.xml" ContentType="application/vnd.openxmlformats-officedocument.presentationml.slideLayout+xml"/>
  <Override PartName="/ppt/notesSlides/notesSlide14.xml" ContentType="application/vnd.openxmlformats-officedocument.presentationml.notesSlide+xml"/>
  <Override PartName="/ppt/diagrams/layout3.xml" ContentType="application/vnd.openxmlformats-officedocument.drawingml.diagramLayout+xml"/>
  <Override PartName="/ppt/diagrams/data4.xml" ContentType="application/vnd.openxmlformats-officedocument.drawingml.diagramData+xml"/>
  <Override PartName="/ppt/notesSlides/notesSlide9.xml" ContentType="application/vnd.openxmlformats-officedocument.presentationml.notesSlide+xml"/>
  <Override PartName="/ppt/diagrams/drawing9.xml" ContentType="application/vnd.ms-office.drawingml.diagramDrawing+xml"/>
  <Override PartName="/ppt/diagrams/colors6.xml" ContentType="application/vnd.openxmlformats-officedocument.drawingml.diagramColors+xml"/>
  <Override PartName="/ppt/diagrams/quickStyle9.xml" ContentType="application/vnd.openxmlformats-officedocument.drawingml.diagramStyle+xml"/>
  <Override PartName="/ppt/notesSlides/notesSlide10.xml" ContentType="application/vnd.openxmlformats-officedocument.presentationml.notesSlide+xml"/>
  <Override PartName="/ppt/diagrams/quickStyle11.xml" ContentType="application/vnd.openxmlformats-officedocument.drawingml.diagramStyle+xml"/>
  <Override PartName="/ppt/diagrams/drawing12.xml" ContentType="application/vnd.ms-office.drawingml.diagramDrawing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diagrams/drawing5.xml" ContentType="application/vnd.ms-office.drawingml.diagramDrawing+xml"/>
  <Override PartName="/ppt/diagrams/layout11.xml" ContentType="application/vnd.openxmlformats-officedocument.drawingml.diagramLayout+xml"/>
  <Override PartName="/ppt/diagrams/colors14.xml" ContentType="application/vnd.openxmlformats-officedocument.drawingml.diagramColor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72" r:id="rId1"/>
  </p:sldMasterIdLst>
  <p:notesMasterIdLst>
    <p:notesMasterId r:id="rId23"/>
  </p:notesMasterIdLst>
  <p:handoutMasterIdLst>
    <p:handoutMasterId r:id="rId24"/>
  </p:handoutMasterIdLst>
  <p:sldIdLst>
    <p:sldId id="326" r:id="rId2"/>
    <p:sldId id="426" r:id="rId3"/>
    <p:sldId id="441" r:id="rId4"/>
    <p:sldId id="442" r:id="rId5"/>
    <p:sldId id="443" r:id="rId6"/>
    <p:sldId id="444" r:id="rId7"/>
    <p:sldId id="450" r:id="rId8"/>
    <p:sldId id="449" r:id="rId9"/>
    <p:sldId id="451" r:id="rId10"/>
    <p:sldId id="431" r:id="rId11"/>
    <p:sldId id="453" r:id="rId12"/>
    <p:sldId id="454" r:id="rId13"/>
    <p:sldId id="455" r:id="rId14"/>
    <p:sldId id="456" r:id="rId15"/>
    <p:sldId id="457" r:id="rId16"/>
    <p:sldId id="458" r:id="rId17"/>
    <p:sldId id="459" r:id="rId18"/>
    <p:sldId id="460" r:id="rId19"/>
    <p:sldId id="461" r:id="rId20"/>
    <p:sldId id="462" r:id="rId21"/>
    <p:sldId id="359" r:id="rId22"/>
  </p:sldIdLst>
  <p:sldSz cx="9144000" cy="6858000" type="screen4x3"/>
  <p:notesSz cx="6808788" cy="9940925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  <p:ext uri="{FD5EFAAD-0ECE-453E-9831-46B23BE46B34}">
      <p15:chartTrackingRefBased xmlns:p15="http://schemas.microsoft.com/office/powerpoint/2012/main" xmlns="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85BE263C-DBD7-4A20-BB59-AAB30ACAA65A}" styleName="Medium Style 3 - Accent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6E25E649-3F16-4E02-A733-19D2CDBF48F0}" styleName="Medium Style 3 - Accent 1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A488322-F2BA-4B5B-9748-0D474271808F}" styleName="Medium Style 3 - Accent 6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8150" autoAdjust="0"/>
    <p:restoredTop sz="77917" autoAdjust="0"/>
  </p:normalViewPr>
  <p:slideViewPr>
    <p:cSldViewPr snapToGrid="0">
      <p:cViewPr varScale="1">
        <p:scale>
          <a:sx n="90" d="100"/>
          <a:sy n="90" d="100"/>
        </p:scale>
        <p:origin x="-2646" y="-102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20" d="100"/>
        <a:sy n="20" d="100"/>
      </p:scale>
      <p:origin x="0" y="0"/>
    </p:cViewPr>
  </p:notesTextViewPr>
  <p:sorterViewPr>
    <p:cViewPr varScale="1">
      <p:scale>
        <a:sx n="100" d="100"/>
        <a:sy n="100" d="100"/>
      </p:scale>
      <p:origin x="0" y="-978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viewProps" Target="viewProp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handoutMaster" Target="handoutMasters/handoutMaster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notesMaster" Target="notesMasters/notesMaster1.xml"/><Relationship Id="rId28" Type="http://schemas.openxmlformats.org/officeDocument/2006/relationships/tableStyles" Target="tableStyle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theme" Target="theme/theme1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0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4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4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5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6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7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8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9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BD9BEF87-9B86-45C7-97BD-14AB34D4B7F2}" type="doc">
      <dgm:prSet loTypeId="urn:microsoft.com/office/officeart/2005/8/layout/vList6" loCatId="process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9D432147-78BF-41F6-AB14-B85E25BB7322}">
      <dgm:prSet phldrT="[Text]" custT="1"/>
      <dgm:spPr/>
      <dgm:t>
        <a:bodyPr/>
        <a:lstStyle/>
        <a:p>
          <a:r>
            <a:rPr lang="en-ZA" sz="19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1</a:t>
          </a:r>
          <a:endParaRPr lang="en-ZA" sz="19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B8237A2B-4E9C-4CE3-8DED-DF0CEF50404B}" type="parTrans" cxnId="{4A7103C5-C6E7-4F6D-AC00-D0FE9026057F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905F397A-B997-40B3-A06F-03351281E73B}" type="sibTrans" cxnId="{4A7103C5-C6E7-4F6D-AC00-D0FE9026057F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554EFEB-ADC2-4455-B8C5-31FDCEEA6D1D}">
      <dgm:prSet phldrT="[Text]" custT="1"/>
      <dgm:spPr/>
      <dgm:t>
        <a:bodyPr/>
        <a:lstStyle/>
        <a:p>
          <a:r>
            <a:rPr lang="en-GB" sz="19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Introduction of the Ministerial &amp; SAPS Transformation Task Team Member</a:t>
          </a:r>
          <a:endParaRPr lang="en-ZA" sz="19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84E4ACA-1083-4B71-BF77-4085FD65CE02}" type="parTrans" cxnId="{9BB271CE-B308-4551-A735-2EDE7D7EB131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FB3866A-6CFB-4D40-99C3-7DCC2E2917D0}" type="sibTrans" cxnId="{9BB271CE-B308-4551-A735-2EDE7D7EB131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A1EB9D6-A6D3-4022-9D5D-176272B2D1B1}">
      <dgm:prSet phldrT="[Text]" custT="1"/>
      <dgm:spPr/>
      <dgm:t>
        <a:bodyPr/>
        <a:lstStyle/>
        <a:p>
          <a:r>
            <a:rPr lang="en-ZA" sz="19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2</a:t>
          </a:r>
        </a:p>
      </dgm:t>
    </dgm:pt>
    <dgm:pt modelId="{2A6AC217-EF8E-4B2C-9F25-88D2C1E54A4B}" type="parTrans" cxnId="{FC5B7D36-4654-48A2-8827-77C9FFA14A24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DA9814C-977E-41C4-A032-80DD4ABF4364}" type="sibTrans" cxnId="{FC5B7D36-4654-48A2-8827-77C9FFA14A24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918BB2F-9019-485F-98CD-06E28C5CE86D}">
      <dgm:prSet phldrT="[Text]" custT="1"/>
      <dgm:spPr/>
      <dgm:t>
        <a:bodyPr/>
        <a:lstStyle/>
        <a:p>
          <a:r>
            <a:rPr lang="en-GB" sz="19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Strategic Planning Workshop</a:t>
          </a:r>
          <a:endParaRPr lang="en-ZA" sz="19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7FD137DD-EDD1-481A-AAD6-8B8065B463BB}" type="parTrans" cxnId="{8B2A31A2-5297-464B-A94A-3C3C4AF49492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348E954-9169-4AAB-8878-058E4C0A09C9}" type="sibTrans" cxnId="{8B2A31A2-5297-464B-A94A-3C3C4AF49492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49C7A21D-F07F-4653-B3E0-7CFA3213BF49}">
      <dgm:prSet phldrT="[Text]" custT="1"/>
      <dgm:spPr/>
      <dgm:t>
        <a:bodyPr/>
        <a:lstStyle/>
        <a:p>
          <a:r>
            <a:rPr lang="en-ZA" sz="19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3</a:t>
          </a:r>
          <a:endParaRPr lang="en-ZA" sz="19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7D2BDE5D-93EB-4C18-B61C-20AE6EE25203}" type="parTrans" cxnId="{195835EB-CB32-46BC-B681-30E73CA0D618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7344080C-E18D-415F-9B1B-47F5187B454D}" type="sibTrans" cxnId="{195835EB-CB32-46BC-B681-30E73CA0D618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5D721A3-AE25-4D26-A595-7875A04B7F69}">
      <dgm:prSet phldrT="[Text]" custT="1"/>
      <dgm:spPr/>
      <dgm:t>
        <a:bodyPr/>
        <a:lstStyle/>
        <a:p>
          <a:r>
            <a:rPr lang="en-ZA" sz="19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4</a:t>
          </a:r>
          <a:endParaRPr lang="en-ZA" sz="19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BA1E3E4-2E82-4DC8-A570-4688E6E72EFB}" type="parTrans" cxnId="{C2DE436D-7C25-4D0D-B4A2-4C1BCCE9D97B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7A710AE7-4953-4B86-BB4B-4BC88959F03D}" type="sibTrans" cxnId="{C2DE436D-7C25-4D0D-B4A2-4C1BCCE9D97B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5F0826D-BF87-4B24-876F-28A61ECEA836}">
      <dgm:prSet phldrT="[Text]" custT="1"/>
      <dgm:spPr/>
      <dgm:t>
        <a:bodyPr/>
        <a:lstStyle/>
        <a:p>
          <a:r>
            <a:rPr lang="en-ZA" sz="19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5</a:t>
          </a:r>
          <a:endParaRPr lang="en-ZA" sz="19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663F87-A753-48AC-A460-C6E3BA891ADE}" type="parTrans" cxnId="{62712C4B-A166-4FA1-B354-A9660C1AA6A9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123A9F-577D-452B-82EF-795D0BFAB859}" type="sibTrans" cxnId="{62712C4B-A166-4FA1-B354-A9660C1AA6A9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4C114E8E-BAEA-49B3-B28C-34348CFD994C}">
      <dgm:prSet phldrT="[Text]" custT="1"/>
      <dgm:spPr/>
      <dgm:t>
        <a:bodyPr/>
        <a:lstStyle/>
        <a:p>
          <a:r>
            <a:rPr lang="en-GB" sz="19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Benchmarking of Best Practices both Local/Domestic and International</a:t>
          </a:r>
          <a:endParaRPr lang="en-ZA" sz="19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4B4CEA-AD17-47AD-A32B-6216868C5C7A}" type="parTrans" cxnId="{16625165-E010-4692-8122-A405923F22D0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00998E0-A788-4D9F-A734-BEBB498ECD8C}" type="sibTrans" cxnId="{16625165-E010-4692-8122-A405923F22D0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7F2D75DE-AD0D-4B8D-82F7-8140680F6A7E}">
      <dgm:prSet phldrT="[Text]" custT="1"/>
      <dgm:spPr/>
      <dgm:t>
        <a:bodyPr/>
        <a:lstStyle/>
        <a:p>
          <a:r>
            <a:rPr lang="en-GB" sz="19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uditing and Reviewing of policies, national instructions, standing orders &amp; operational standards of the SAPS</a:t>
          </a:r>
          <a:endParaRPr lang="en-ZA" sz="19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1B9B556-153C-4109-AB5E-52077FF89465}" type="parTrans" cxnId="{3319C2A2-ECFD-4A42-835D-9878D6CFADD8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B680295-29A7-4B7E-B24E-6D2E061E77EC}" type="sibTrans" cxnId="{3319C2A2-ECFD-4A42-835D-9878D6CFADD8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F8226C-1488-4B49-B73C-CD9AA8F635A4}">
      <dgm:prSet phldrT="[Text]" custT="1"/>
      <dgm:spPr/>
      <dgm:t>
        <a:bodyPr/>
        <a:lstStyle/>
        <a:p>
          <a:r>
            <a:rPr lang="en-GB" sz="190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Final Review Report presented to the Executive Authority</a:t>
          </a:r>
          <a:endParaRPr lang="en-ZA" sz="19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EE272FC2-7F8F-462D-B32A-0A1700296C6B}" type="parTrans" cxnId="{43BA09C4-0773-4654-B698-974BCF2C6C2E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E43A63C-A621-4607-BD26-B665817EADBC}" type="sibTrans" cxnId="{43BA09C4-0773-4654-B698-974BCF2C6C2E}">
      <dgm:prSet/>
      <dgm:spPr/>
      <dgm:t>
        <a:bodyPr/>
        <a:lstStyle/>
        <a:p>
          <a:endParaRPr lang="en-ZA" sz="19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F28C4FA-0D1B-4C85-84DB-9463F5219D9D}" type="pres">
      <dgm:prSet presAssocID="{BD9BEF87-9B86-45C7-97BD-14AB34D4B7F2}" presName="Name0" presStyleCnt="0">
        <dgm:presLayoutVars>
          <dgm:dir/>
          <dgm:animLvl val="lvl"/>
          <dgm:resizeHandles/>
        </dgm:presLayoutVars>
      </dgm:prSet>
      <dgm:spPr/>
      <dgm:t>
        <a:bodyPr/>
        <a:lstStyle/>
        <a:p>
          <a:endParaRPr lang="en-ZA"/>
        </a:p>
      </dgm:t>
    </dgm:pt>
    <dgm:pt modelId="{01A58071-3E5C-462C-86C6-68B362AAA839}" type="pres">
      <dgm:prSet presAssocID="{9D432147-78BF-41F6-AB14-B85E25BB7322}" presName="linNode" presStyleCnt="0"/>
      <dgm:spPr/>
    </dgm:pt>
    <dgm:pt modelId="{32D536AC-5FF4-4E0F-B4E2-B8F8A3A7D2BD}" type="pres">
      <dgm:prSet presAssocID="{9D432147-78BF-41F6-AB14-B85E25BB7322}" presName="parentShp" presStyleLbl="node1" presStyleIdx="0" presStyleCnt="5" custScaleX="69089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482CAD58-8358-4D90-87C8-6CBF50050BF7}" type="pres">
      <dgm:prSet presAssocID="{9D432147-78BF-41F6-AB14-B85E25BB7322}" presName="childShp" presStyleLbl="bgAccFollowNode1" presStyleIdx="0" presStyleCnt="5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5DC40C4A-FF23-4F8F-BFEA-2F90D3F1520C}" type="pres">
      <dgm:prSet presAssocID="{905F397A-B997-40B3-A06F-03351281E73B}" presName="spacing" presStyleCnt="0"/>
      <dgm:spPr/>
    </dgm:pt>
    <dgm:pt modelId="{D2862B36-4E3F-45A9-836C-4A12A7BCD455}" type="pres">
      <dgm:prSet presAssocID="{2A1EB9D6-A6D3-4022-9D5D-176272B2D1B1}" presName="linNode" presStyleCnt="0"/>
      <dgm:spPr/>
    </dgm:pt>
    <dgm:pt modelId="{33DA185E-8F67-47C9-B8EE-874D2FD08957}" type="pres">
      <dgm:prSet presAssocID="{2A1EB9D6-A6D3-4022-9D5D-176272B2D1B1}" presName="parentShp" presStyleLbl="node1" presStyleIdx="1" presStyleCnt="5" custScaleX="69089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182E3CA-23F3-4280-8269-0806EB1D1195}" type="pres">
      <dgm:prSet presAssocID="{2A1EB9D6-A6D3-4022-9D5D-176272B2D1B1}" presName="childShp" presStyleLbl="bgAccFollowNode1" presStyleIdx="1" presStyleCnt="5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836FA373-0AAB-4757-A75B-59DCE8FBF26C}" type="pres">
      <dgm:prSet presAssocID="{DDA9814C-977E-41C4-A032-80DD4ABF4364}" presName="spacing" presStyleCnt="0"/>
      <dgm:spPr/>
    </dgm:pt>
    <dgm:pt modelId="{F37AC2BF-3E5D-4ECF-8DBA-FD84A662671F}" type="pres">
      <dgm:prSet presAssocID="{49C7A21D-F07F-4653-B3E0-7CFA3213BF49}" presName="linNode" presStyleCnt="0"/>
      <dgm:spPr/>
    </dgm:pt>
    <dgm:pt modelId="{76B1DABB-D566-4210-8F44-4BCD855C4D37}" type="pres">
      <dgm:prSet presAssocID="{49C7A21D-F07F-4653-B3E0-7CFA3213BF49}" presName="parentShp" presStyleLbl="node1" presStyleIdx="2" presStyleCnt="5" custScaleX="69731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7A1861AA-C959-4652-86ED-32C220B4D02D}" type="pres">
      <dgm:prSet presAssocID="{49C7A21D-F07F-4653-B3E0-7CFA3213BF49}" presName="childShp" presStyleLbl="bgAccFollowNode1" presStyleIdx="2" presStyleCnt="5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61192CB7-DDF3-4ADF-A111-984E5ACA7EC5}" type="pres">
      <dgm:prSet presAssocID="{7344080C-E18D-415F-9B1B-47F5187B454D}" presName="spacing" presStyleCnt="0"/>
      <dgm:spPr/>
    </dgm:pt>
    <dgm:pt modelId="{3718C216-5BB3-48FD-98DF-30E2C35D1EA0}" type="pres">
      <dgm:prSet presAssocID="{05D721A3-AE25-4D26-A595-7875A04B7F69}" presName="linNode" presStyleCnt="0"/>
      <dgm:spPr/>
    </dgm:pt>
    <dgm:pt modelId="{357131BB-BEE9-4E61-BEE9-DF4D9EE2422C}" type="pres">
      <dgm:prSet presAssocID="{05D721A3-AE25-4D26-A595-7875A04B7F69}" presName="parentShp" presStyleLbl="node1" presStyleIdx="3" presStyleCnt="5" custScaleX="69089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E30CA207-5B8A-4802-AA3B-B642226C002C}" type="pres">
      <dgm:prSet presAssocID="{05D721A3-AE25-4D26-A595-7875A04B7F69}" presName="childShp" presStyleLbl="bgAccFollowNode1" presStyleIdx="3" presStyleCnt="5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1467D0E-8A80-4E80-AFBF-4E4E08222C8C}" type="pres">
      <dgm:prSet presAssocID="{7A710AE7-4953-4B86-BB4B-4BC88959F03D}" presName="spacing" presStyleCnt="0"/>
      <dgm:spPr/>
    </dgm:pt>
    <dgm:pt modelId="{B60EA5BE-7A11-4EBD-8185-67D715C20C68}" type="pres">
      <dgm:prSet presAssocID="{15F0826D-BF87-4B24-876F-28A61ECEA836}" presName="linNode" presStyleCnt="0"/>
      <dgm:spPr/>
    </dgm:pt>
    <dgm:pt modelId="{A54346A4-4F10-42B6-B170-F64791E20746}" type="pres">
      <dgm:prSet presAssocID="{15F0826D-BF87-4B24-876F-28A61ECEA836}" presName="parentShp" presStyleLbl="node1" presStyleIdx="4" presStyleCnt="5" custScaleX="69089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65DA0F48-92A8-40E3-B11D-37C7851E4EF7}" type="pres">
      <dgm:prSet presAssocID="{15F0826D-BF87-4B24-876F-28A61ECEA836}" presName="childShp" presStyleLbl="bgAccFollowNode1" presStyleIdx="4" presStyleCnt="5">
        <dgm:presLayoutVars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AF9B6F18-74F3-424F-AD42-5A4904AF123E}" type="presOf" srcId="{6918BB2F-9019-485F-98CD-06E28C5CE86D}" destId="{B182E3CA-23F3-4280-8269-0806EB1D1195}" srcOrd="0" destOrd="0" presId="urn:microsoft.com/office/officeart/2005/8/layout/vList6"/>
    <dgm:cxn modelId="{4A7103C5-C6E7-4F6D-AC00-D0FE9026057F}" srcId="{BD9BEF87-9B86-45C7-97BD-14AB34D4B7F2}" destId="{9D432147-78BF-41F6-AB14-B85E25BB7322}" srcOrd="0" destOrd="0" parTransId="{B8237A2B-4E9C-4CE3-8DED-DF0CEF50404B}" sibTransId="{905F397A-B997-40B3-A06F-03351281E73B}"/>
    <dgm:cxn modelId="{65078275-7802-4200-94B4-7A62F7142CE6}" type="presOf" srcId="{4C114E8E-BAEA-49B3-B28C-34348CFD994C}" destId="{7A1861AA-C959-4652-86ED-32C220B4D02D}" srcOrd="0" destOrd="0" presId="urn:microsoft.com/office/officeart/2005/8/layout/vList6"/>
    <dgm:cxn modelId="{195835EB-CB32-46BC-B681-30E73CA0D618}" srcId="{BD9BEF87-9B86-45C7-97BD-14AB34D4B7F2}" destId="{49C7A21D-F07F-4653-B3E0-7CFA3213BF49}" srcOrd="2" destOrd="0" parTransId="{7D2BDE5D-93EB-4C18-B61C-20AE6EE25203}" sibTransId="{7344080C-E18D-415F-9B1B-47F5187B454D}"/>
    <dgm:cxn modelId="{FC5B7D36-4654-48A2-8827-77C9FFA14A24}" srcId="{BD9BEF87-9B86-45C7-97BD-14AB34D4B7F2}" destId="{2A1EB9D6-A6D3-4022-9D5D-176272B2D1B1}" srcOrd="1" destOrd="0" parTransId="{2A6AC217-EF8E-4B2C-9F25-88D2C1E54A4B}" sibTransId="{DDA9814C-977E-41C4-A032-80DD4ABF4364}"/>
    <dgm:cxn modelId="{3319C2A2-ECFD-4A42-835D-9878D6CFADD8}" srcId="{05D721A3-AE25-4D26-A595-7875A04B7F69}" destId="{7F2D75DE-AD0D-4B8D-82F7-8140680F6A7E}" srcOrd="0" destOrd="0" parTransId="{D1B9B556-153C-4109-AB5E-52077FF89465}" sibTransId="{2B680295-29A7-4B7E-B24E-6D2E061E77EC}"/>
    <dgm:cxn modelId="{C2DE436D-7C25-4D0D-B4A2-4C1BCCE9D97B}" srcId="{BD9BEF87-9B86-45C7-97BD-14AB34D4B7F2}" destId="{05D721A3-AE25-4D26-A595-7875A04B7F69}" srcOrd="3" destOrd="0" parTransId="{2BA1E3E4-2E82-4DC8-A570-4688E6E72EFB}" sibTransId="{7A710AE7-4953-4B86-BB4B-4BC88959F03D}"/>
    <dgm:cxn modelId="{9BB271CE-B308-4551-A735-2EDE7D7EB131}" srcId="{9D432147-78BF-41F6-AB14-B85E25BB7322}" destId="{1554EFEB-ADC2-4455-B8C5-31FDCEEA6D1D}" srcOrd="0" destOrd="0" parTransId="{584E4ACA-1083-4B71-BF77-4085FD65CE02}" sibTransId="{6FB3866A-6CFB-4D40-99C3-7DCC2E2917D0}"/>
    <dgm:cxn modelId="{08372D01-2263-47A5-9FE0-6D20AE4FAA31}" type="presOf" srcId="{09F8226C-1488-4B49-B73C-CD9AA8F635A4}" destId="{65DA0F48-92A8-40E3-B11D-37C7851E4EF7}" srcOrd="0" destOrd="0" presId="urn:microsoft.com/office/officeart/2005/8/layout/vList6"/>
    <dgm:cxn modelId="{61C4BA2B-72FC-4ADA-932D-4C899353C939}" type="presOf" srcId="{9D432147-78BF-41F6-AB14-B85E25BB7322}" destId="{32D536AC-5FF4-4E0F-B4E2-B8F8A3A7D2BD}" srcOrd="0" destOrd="0" presId="urn:microsoft.com/office/officeart/2005/8/layout/vList6"/>
    <dgm:cxn modelId="{13C38AE8-D535-4C72-B938-0C84D307F81B}" type="presOf" srcId="{1554EFEB-ADC2-4455-B8C5-31FDCEEA6D1D}" destId="{482CAD58-8358-4D90-87C8-6CBF50050BF7}" srcOrd="0" destOrd="0" presId="urn:microsoft.com/office/officeart/2005/8/layout/vList6"/>
    <dgm:cxn modelId="{BFC68F7B-FCB0-4A80-BBA0-4EA80D14C427}" type="presOf" srcId="{05D721A3-AE25-4D26-A595-7875A04B7F69}" destId="{357131BB-BEE9-4E61-BEE9-DF4D9EE2422C}" srcOrd="0" destOrd="0" presId="urn:microsoft.com/office/officeart/2005/8/layout/vList6"/>
    <dgm:cxn modelId="{62712C4B-A166-4FA1-B354-A9660C1AA6A9}" srcId="{BD9BEF87-9B86-45C7-97BD-14AB34D4B7F2}" destId="{15F0826D-BF87-4B24-876F-28A61ECEA836}" srcOrd="4" destOrd="0" parTransId="{23663F87-A753-48AC-A460-C6E3BA891ADE}" sibTransId="{09123A9F-577D-452B-82EF-795D0BFAB859}"/>
    <dgm:cxn modelId="{199D5E25-AF23-4B4F-BCE8-851585DE5057}" type="presOf" srcId="{BD9BEF87-9B86-45C7-97BD-14AB34D4B7F2}" destId="{0F28C4FA-0D1B-4C85-84DB-9463F5219D9D}" srcOrd="0" destOrd="0" presId="urn:microsoft.com/office/officeart/2005/8/layout/vList6"/>
    <dgm:cxn modelId="{003F4835-D249-48B0-BFBB-E9033D9D0D47}" type="presOf" srcId="{15F0826D-BF87-4B24-876F-28A61ECEA836}" destId="{A54346A4-4F10-42B6-B170-F64791E20746}" srcOrd="0" destOrd="0" presId="urn:microsoft.com/office/officeart/2005/8/layout/vList6"/>
    <dgm:cxn modelId="{8B2A31A2-5297-464B-A94A-3C3C4AF49492}" srcId="{2A1EB9D6-A6D3-4022-9D5D-176272B2D1B1}" destId="{6918BB2F-9019-485F-98CD-06E28C5CE86D}" srcOrd="0" destOrd="0" parTransId="{7FD137DD-EDD1-481A-AAD6-8B8065B463BB}" sibTransId="{F348E954-9169-4AAB-8878-058E4C0A09C9}"/>
    <dgm:cxn modelId="{2C03DECE-2E75-44DF-81B8-D3FBDF215571}" type="presOf" srcId="{2A1EB9D6-A6D3-4022-9D5D-176272B2D1B1}" destId="{33DA185E-8F67-47C9-B8EE-874D2FD08957}" srcOrd="0" destOrd="0" presId="urn:microsoft.com/office/officeart/2005/8/layout/vList6"/>
    <dgm:cxn modelId="{887152A4-A3CF-4BBC-A1C3-2B64A5AED32B}" type="presOf" srcId="{7F2D75DE-AD0D-4B8D-82F7-8140680F6A7E}" destId="{E30CA207-5B8A-4802-AA3B-B642226C002C}" srcOrd="0" destOrd="0" presId="urn:microsoft.com/office/officeart/2005/8/layout/vList6"/>
    <dgm:cxn modelId="{9A224338-560E-4D7B-8715-9BEB47FF69E0}" type="presOf" srcId="{49C7A21D-F07F-4653-B3E0-7CFA3213BF49}" destId="{76B1DABB-D566-4210-8F44-4BCD855C4D37}" srcOrd="0" destOrd="0" presId="urn:microsoft.com/office/officeart/2005/8/layout/vList6"/>
    <dgm:cxn modelId="{43BA09C4-0773-4654-B698-974BCF2C6C2E}" srcId="{15F0826D-BF87-4B24-876F-28A61ECEA836}" destId="{09F8226C-1488-4B49-B73C-CD9AA8F635A4}" srcOrd="0" destOrd="0" parTransId="{EE272FC2-7F8F-462D-B32A-0A1700296C6B}" sibTransId="{6E43A63C-A621-4607-BD26-B665817EADBC}"/>
    <dgm:cxn modelId="{16625165-E010-4692-8122-A405923F22D0}" srcId="{49C7A21D-F07F-4653-B3E0-7CFA3213BF49}" destId="{4C114E8E-BAEA-49B3-B28C-34348CFD994C}" srcOrd="0" destOrd="0" parTransId="{144B4CEA-AD17-47AD-A32B-6216868C5C7A}" sibTransId="{200998E0-A788-4D9F-A734-BEBB498ECD8C}"/>
    <dgm:cxn modelId="{EAD077C6-AD95-494F-859E-9B73FE482774}" type="presParOf" srcId="{0F28C4FA-0D1B-4C85-84DB-9463F5219D9D}" destId="{01A58071-3E5C-462C-86C6-68B362AAA839}" srcOrd="0" destOrd="0" presId="urn:microsoft.com/office/officeart/2005/8/layout/vList6"/>
    <dgm:cxn modelId="{47BCA768-1694-47F1-A3A7-7689ED4ABC4F}" type="presParOf" srcId="{01A58071-3E5C-462C-86C6-68B362AAA839}" destId="{32D536AC-5FF4-4E0F-B4E2-B8F8A3A7D2BD}" srcOrd="0" destOrd="0" presId="urn:microsoft.com/office/officeart/2005/8/layout/vList6"/>
    <dgm:cxn modelId="{318B44F9-DF0D-428E-9408-5CC036610016}" type="presParOf" srcId="{01A58071-3E5C-462C-86C6-68B362AAA839}" destId="{482CAD58-8358-4D90-87C8-6CBF50050BF7}" srcOrd="1" destOrd="0" presId="urn:microsoft.com/office/officeart/2005/8/layout/vList6"/>
    <dgm:cxn modelId="{F44C6866-9CE9-47C3-96CB-007E18118477}" type="presParOf" srcId="{0F28C4FA-0D1B-4C85-84DB-9463F5219D9D}" destId="{5DC40C4A-FF23-4F8F-BFEA-2F90D3F1520C}" srcOrd="1" destOrd="0" presId="urn:microsoft.com/office/officeart/2005/8/layout/vList6"/>
    <dgm:cxn modelId="{21EE65D4-2109-4F16-AC53-97AF3B2FD4C5}" type="presParOf" srcId="{0F28C4FA-0D1B-4C85-84DB-9463F5219D9D}" destId="{D2862B36-4E3F-45A9-836C-4A12A7BCD455}" srcOrd="2" destOrd="0" presId="urn:microsoft.com/office/officeart/2005/8/layout/vList6"/>
    <dgm:cxn modelId="{46EDBEB1-C17B-4D77-A76C-7F149A69D528}" type="presParOf" srcId="{D2862B36-4E3F-45A9-836C-4A12A7BCD455}" destId="{33DA185E-8F67-47C9-B8EE-874D2FD08957}" srcOrd="0" destOrd="0" presId="urn:microsoft.com/office/officeart/2005/8/layout/vList6"/>
    <dgm:cxn modelId="{6F2E0422-0138-41CB-9D42-A07889B3DDEA}" type="presParOf" srcId="{D2862B36-4E3F-45A9-836C-4A12A7BCD455}" destId="{B182E3CA-23F3-4280-8269-0806EB1D1195}" srcOrd="1" destOrd="0" presId="urn:microsoft.com/office/officeart/2005/8/layout/vList6"/>
    <dgm:cxn modelId="{0B700D2F-644B-4CDB-B817-6711BA4ED47D}" type="presParOf" srcId="{0F28C4FA-0D1B-4C85-84DB-9463F5219D9D}" destId="{836FA373-0AAB-4757-A75B-59DCE8FBF26C}" srcOrd="3" destOrd="0" presId="urn:microsoft.com/office/officeart/2005/8/layout/vList6"/>
    <dgm:cxn modelId="{364D985E-D618-48CC-8C9C-99B3EAA0B00A}" type="presParOf" srcId="{0F28C4FA-0D1B-4C85-84DB-9463F5219D9D}" destId="{F37AC2BF-3E5D-4ECF-8DBA-FD84A662671F}" srcOrd="4" destOrd="0" presId="urn:microsoft.com/office/officeart/2005/8/layout/vList6"/>
    <dgm:cxn modelId="{8FF42970-1E2C-4398-995E-6F14360C9E44}" type="presParOf" srcId="{F37AC2BF-3E5D-4ECF-8DBA-FD84A662671F}" destId="{76B1DABB-D566-4210-8F44-4BCD855C4D37}" srcOrd="0" destOrd="0" presId="urn:microsoft.com/office/officeart/2005/8/layout/vList6"/>
    <dgm:cxn modelId="{149070E4-BABC-46F0-9C07-B859B28FE5BA}" type="presParOf" srcId="{F37AC2BF-3E5D-4ECF-8DBA-FD84A662671F}" destId="{7A1861AA-C959-4652-86ED-32C220B4D02D}" srcOrd="1" destOrd="0" presId="urn:microsoft.com/office/officeart/2005/8/layout/vList6"/>
    <dgm:cxn modelId="{3CFECD6C-41D0-47B2-9382-4C9AB5FBB30C}" type="presParOf" srcId="{0F28C4FA-0D1B-4C85-84DB-9463F5219D9D}" destId="{61192CB7-DDF3-4ADF-A111-984E5ACA7EC5}" srcOrd="5" destOrd="0" presId="urn:microsoft.com/office/officeart/2005/8/layout/vList6"/>
    <dgm:cxn modelId="{CFD6DDF4-3DFE-4F52-88F1-74ED8DE661A5}" type="presParOf" srcId="{0F28C4FA-0D1B-4C85-84DB-9463F5219D9D}" destId="{3718C216-5BB3-48FD-98DF-30E2C35D1EA0}" srcOrd="6" destOrd="0" presId="urn:microsoft.com/office/officeart/2005/8/layout/vList6"/>
    <dgm:cxn modelId="{A5B6859D-8608-49F3-838C-055FF14A03E1}" type="presParOf" srcId="{3718C216-5BB3-48FD-98DF-30E2C35D1EA0}" destId="{357131BB-BEE9-4E61-BEE9-DF4D9EE2422C}" srcOrd="0" destOrd="0" presId="urn:microsoft.com/office/officeart/2005/8/layout/vList6"/>
    <dgm:cxn modelId="{946E6815-45D6-43E9-BA00-B406B72C8A6C}" type="presParOf" srcId="{3718C216-5BB3-48FD-98DF-30E2C35D1EA0}" destId="{E30CA207-5B8A-4802-AA3B-B642226C002C}" srcOrd="1" destOrd="0" presId="urn:microsoft.com/office/officeart/2005/8/layout/vList6"/>
    <dgm:cxn modelId="{55C2AA79-DF86-489E-AB31-40B4DF4B32EA}" type="presParOf" srcId="{0F28C4FA-0D1B-4C85-84DB-9463F5219D9D}" destId="{91467D0E-8A80-4E80-AFBF-4E4E08222C8C}" srcOrd="7" destOrd="0" presId="urn:microsoft.com/office/officeart/2005/8/layout/vList6"/>
    <dgm:cxn modelId="{5C850BED-0059-4200-BD02-4DA83352AD73}" type="presParOf" srcId="{0F28C4FA-0D1B-4C85-84DB-9463F5219D9D}" destId="{B60EA5BE-7A11-4EBD-8185-67D715C20C68}" srcOrd="8" destOrd="0" presId="urn:microsoft.com/office/officeart/2005/8/layout/vList6"/>
    <dgm:cxn modelId="{2C8AA700-269E-4E6B-8834-B5C516156EA8}" type="presParOf" srcId="{B60EA5BE-7A11-4EBD-8185-67D715C20C68}" destId="{A54346A4-4F10-42B6-B170-F64791E20746}" srcOrd="0" destOrd="0" presId="urn:microsoft.com/office/officeart/2005/8/layout/vList6"/>
    <dgm:cxn modelId="{CF509C94-6A29-403F-90C3-E91FE7817634}" type="presParOf" srcId="{B60EA5BE-7A11-4EBD-8185-67D715C20C68}" destId="{65DA0F48-92A8-40E3-B11D-37C7851E4EF7}" srcOrd="1" destOrd="0" presId="urn:microsoft.com/office/officeart/2005/8/layout/vList6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10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MILITARIZATION OF THE POLICE SERVICE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Implementation of the approved recommendations from the Panel of Experts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onduct impact study – SAPS Ranks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the SAPS organisational culture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DF7F19E-C8E1-4C75-BF84-511277DE712F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the current guidelines on Community Policing</a:t>
          </a:r>
        </a:p>
      </dgm:t>
    </dgm:pt>
    <dgm:pt modelId="{74265D30-36AC-4785-BD9E-3F89E63439DF}" type="parTrans" cxnId="{F0C20830-E1F2-4635-BF93-9685D803AC0D}">
      <dgm:prSet/>
      <dgm:spPr/>
      <dgm:t>
        <a:bodyPr/>
        <a:lstStyle/>
        <a:p>
          <a:endParaRPr lang="en-ZA"/>
        </a:p>
      </dgm:t>
    </dgm:pt>
    <dgm:pt modelId="{11425375-B225-40FE-BEB7-6427315159E5}" type="sibTrans" cxnId="{F0C20830-E1F2-4635-BF93-9685D803AC0D}">
      <dgm:prSet/>
      <dgm:spPr/>
      <dgm:t>
        <a:bodyPr/>
        <a:lstStyle/>
        <a:p>
          <a:endParaRPr lang="en-ZA"/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5" custScaleX="192929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4" custLinFactX="-284879" custLinFactNeighborX="-300000" custLinFactNeighborY="-43639"/>
      <dgm:spPr/>
    </dgm:pt>
    <dgm:pt modelId="{26204E24-09CE-41F4-AE4D-FA345A17C5F8}" type="pres">
      <dgm:prSet presAssocID="{D5883F9B-95A3-465E-8C8B-9591D3B2D275}" presName="Child" presStyleLbl="revTx" presStyleIdx="1" presStyleCnt="5" custScaleX="178747" custLinFactNeighborX="-2218" custLinFactNeighborY="-1449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4" custLinFactX="-200000" custLinFactNeighborX="-279007" custLinFactNeighborY="-37583"/>
      <dgm:spPr/>
    </dgm:pt>
    <dgm:pt modelId="{570FBC9A-AB6F-4C18-9884-060CA4074485}" type="pres">
      <dgm:prSet presAssocID="{873A2A23-2FA9-4116-8D94-D08C37B0B87A}" presName="Child" presStyleLbl="revTx" presStyleIdx="2" presStyleCnt="5" custScaleX="195473" custLinFactNeighborX="14469" custLinFactNeighborY="-11658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4" custLinFactX="-230911" custLinFactNeighborX="-300000" custLinFactNeighborY="-41000"/>
      <dgm:spPr/>
    </dgm:pt>
    <dgm:pt modelId="{5650FF15-284A-46EA-A33F-708376F74A9F}" type="pres">
      <dgm:prSet presAssocID="{FF5737B6-AF52-4E59-B435-DA3FD196B381}" presName="Child" presStyleLbl="revTx" presStyleIdx="3" presStyleCnt="5" custScaleX="187273" custLinFactNeighborX="5871" custLinFactNeighborY="-739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75CA7816-1998-4192-930C-1FB1275FFB88}" type="pres">
      <dgm:prSet presAssocID="{CDF7F19E-C8E1-4C75-BF84-511277DE712F}" presName="childComposite" presStyleCnt="0">
        <dgm:presLayoutVars>
          <dgm:chMax val="0"/>
          <dgm:chPref val="0"/>
        </dgm:presLayoutVars>
      </dgm:prSet>
      <dgm:spPr/>
    </dgm:pt>
    <dgm:pt modelId="{35A30143-39F6-4E96-816B-61A883FEC5C5}" type="pres">
      <dgm:prSet presAssocID="{CDF7F19E-C8E1-4C75-BF84-511277DE712F}" presName="ChildAccent" presStyleLbl="solidFgAcc1" presStyleIdx="3" presStyleCnt="4" custLinFactX="-200000" custLinFactNeighborX="-291501" custLinFactNeighborY="-23384"/>
      <dgm:spPr/>
    </dgm:pt>
    <dgm:pt modelId="{7987EAE1-0162-4DD9-A7E3-EAB46F4A5925}" type="pres">
      <dgm:prSet presAssocID="{CDF7F19E-C8E1-4C75-BF84-511277DE712F}" presName="Child" presStyleLbl="revTx" presStyleIdx="4" presStyleCnt="5" custScaleX="193303" custLinFactNeighborX="11567" custLinFactNeighborY="919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FF5FCCAC-1531-4C4C-8051-E3A688120AD4}" type="presOf" srcId="{873A2A23-2FA9-4116-8D94-D08C37B0B87A}" destId="{570FBC9A-AB6F-4C18-9884-060CA4074485}" srcOrd="0" destOrd="0" presId="urn:microsoft.com/office/officeart/2008/layout/SquareAccentList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9F8E1665-CC59-4793-A9E8-B6D2B7B8D45B}" type="presOf" srcId="{C947D739-67E6-4838-B20C-BA5C2924D47C}" destId="{B7061B8B-1383-421A-99AC-526CF7C9BE74}" srcOrd="0" destOrd="0" presId="urn:microsoft.com/office/officeart/2008/layout/SquareAccentList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2C62239C-02A3-4641-8849-851C5BA4E8A0}" type="presOf" srcId="{55317CB4-F70F-4461-9259-4592675AE6D9}" destId="{13A775D7-9587-493E-B488-A6BB52AB22EE}" srcOrd="0" destOrd="0" presId="urn:microsoft.com/office/officeart/2008/layout/SquareAccentList"/>
    <dgm:cxn modelId="{56C19FE3-5C59-4186-9CD6-B91F13331152}" type="presOf" srcId="{CDF7F19E-C8E1-4C75-BF84-511277DE712F}" destId="{7987EAE1-0162-4DD9-A7E3-EAB46F4A5925}" srcOrd="0" destOrd="0" presId="urn:microsoft.com/office/officeart/2008/layout/SquareAccentList"/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5499FF72-1F87-46B4-9C67-CB57EE481F35}" type="presOf" srcId="{FF5737B6-AF52-4E59-B435-DA3FD196B381}" destId="{5650FF15-284A-46EA-A33F-708376F74A9F}" srcOrd="0" destOrd="0" presId="urn:microsoft.com/office/officeart/2008/layout/SquareAccentList"/>
    <dgm:cxn modelId="{C24AFA9B-84C2-46A7-B425-6C78AF2B666D}" type="presOf" srcId="{D5883F9B-95A3-465E-8C8B-9591D3B2D275}" destId="{26204E24-09CE-41F4-AE4D-FA345A17C5F8}" srcOrd="0" destOrd="0" presId="urn:microsoft.com/office/officeart/2008/layout/SquareAccentList"/>
    <dgm:cxn modelId="{F0C20830-E1F2-4635-BF93-9685D803AC0D}" srcId="{C947D739-67E6-4838-B20C-BA5C2924D47C}" destId="{CDF7F19E-C8E1-4C75-BF84-511277DE712F}" srcOrd="3" destOrd="0" parTransId="{74265D30-36AC-4785-BD9E-3F89E63439DF}" sibTransId="{11425375-B225-40FE-BEB7-6427315159E5}"/>
    <dgm:cxn modelId="{7ED6AD3C-F0BE-42EA-BB37-4A06CF7C1748}" type="presParOf" srcId="{13A775D7-9587-493E-B488-A6BB52AB22EE}" destId="{759E421C-B559-48A7-AD3B-D0E4BA41EF5C}" srcOrd="0" destOrd="0" presId="urn:microsoft.com/office/officeart/2008/layout/SquareAccentList"/>
    <dgm:cxn modelId="{458C09CE-EBD0-4A05-9F5C-CE5A1D2E9584}" type="presParOf" srcId="{759E421C-B559-48A7-AD3B-D0E4BA41EF5C}" destId="{632A0B21-E009-43B4-A9CD-1D08954EA7E6}" srcOrd="0" destOrd="0" presId="urn:microsoft.com/office/officeart/2008/layout/SquareAccentList"/>
    <dgm:cxn modelId="{B7937682-6132-4661-986E-D0B3A7F9FE88}" type="presParOf" srcId="{632A0B21-E009-43B4-A9CD-1D08954EA7E6}" destId="{38EF8B21-1A33-4ED0-A352-DBB8CB5B1B48}" srcOrd="0" destOrd="0" presId="urn:microsoft.com/office/officeart/2008/layout/SquareAccentList"/>
    <dgm:cxn modelId="{C7312C7C-F7BD-4EE1-9782-B8C0C1C4010C}" type="presParOf" srcId="{632A0B21-E009-43B4-A9CD-1D08954EA7E6}" destId="{975893C4-4C55-4D8C-A5D3-7AFAB07FE582}" srcOrd="1" destOrd="0" presId="urn:microsoft.com/office/officeart/2008/layout/SquareAccentList"/>
    <dgm:cxn modelId="{8A4B3465-A8F4-4A7A-BB2D-FCF35182951E}" type="presParOf" srcId="{632A0B21-E009-43B4-A9CD-1D08954EA7E6}" destId="{B7061B8B-1383-421A-99AC-526CF7C9BE74}" srcOrd="2" destOrd="0" presId="urn:microsoft.com/office/officeart/2008/layout/SquareAccentList"/>
    <dgm:cxn modelId="{B991CEE5-EC59-4DC6-A57A-43D78BBB0432}" type="presParOf" srcId="{759E421C-B559-48A7-AD3B-D0E4BA41EF5C}" destId="{1AD12CF2-DFD5-477C-868F-27071C0A50B2}" srcOrd="1" destOrd="0" presId="urn:microsoft.com/office/officeart/2008/layout/SquareAccentList"/>
    <dgm:cxn modelId="{2B1524E7-21A5-4524-9DA3-354B8BA84926}" type="presParOf" srcId="{1AD12CF2-DFD5-477C-868F-27071C0A50B2}" destId="{61DE4505-2C2D-4CCC-9571-D700E0B9F389}" srcOrd="0" destOrd="0" presId="urn:microsoft.com/office/officeart/2008/layout/SquareAccentList"/>
    <dgm:cxn modelId="{E1D66462-5CEC-4346-A721-1823D9E3A212}" type="presParOf" srcId="{61DE4505-2C2D-4CCC-9571-D700E0B9F389}" destId="{709C632C-F821-46C8-8EFA-4A2B0F2CFC43}" srcOrd="0" destOrd="0" presId="urn:microsoft.com/office/officeart/2008/layout/SquareAccentList"/>
    <dgm:cxn modelId="{42B385D9-EB28-435F-A9B1-1F7EAE433D96}" type="presParOf" srcId="{61DE4505-2C2D-4CCC-9571-D700E0B9F389}" destId="{26204E24-09CE-41F4-AE4D-FA345A17C5F8}" srcOrd="1" destOrd="0" presId="urn:microsoft.com/office/officeart/2008/layout/SquareAccentList"/>
    <dgm:cxn modelId="{678014D5-B2A2-4496-9ADE-A0A42286C596}" type="presParOf" srcId="{1AD12CF2-DFD5-477C-868F-27071C0A50B2}" destId="{94E21E9D-F49F-416C-89C0-6F05C87D7A34}" srcOrd="1" destOrd="0" presId="urn:microsoft.com/office/officeart/2008/layout/SquareAccentList"/>
    <dgm:cxn modelId="{AF3E0963-C794-455D-B362-FE833D2136DB}" type="presParOf" srcId="{94E21E9D-F49F-416C-89C0-6F05C87D7A34}" destId="{E88F848A-B10F-44C4-92B6-351DD043D122}" srcOrd="0" destOrd="0" presId="urn:microsoft.com/office/officeart/2008/layout/SquareAccentList"/>
    <dgm:cxn modelId="{39C99859-7F08-4A1B-AEAD-34C9BFFA0010}" type="presParOf" srcId="{94E21E9D-F49F-416C-89C0-6F05C87D7A34}" destId="{570FBC9A-AB6F-4C18-9884-060CA4074485}" srcOrd="1" destOrd="0" presId="urn:microsoft.com/office/officeart/2008/layout/SquareAccentList"/>
    <dgm:cxn modelId="{043E6B76-9131-4664-B120-2CC2671C3C1A}" type="presParOf" srcId="{1AD12CF2-DFD5-477C-868F-27071C0A50B2}" destId="{BBB95A08-67CD-4F89-A113-E9EAF92D2C81}" srcOrd="2" destOrd="0" presId="urn:microsoft.com/office/officeart/2008/layout/SquareAccentList"/>
    <dgm:cxn modelId="{DEA7B87D-65D5-4AEC-A983-878F28925F31}" type="presParOf" srcId="{BBB95A08-67CD-4F89-A113-E9EAF92D2C81}" destId="{6D2DFDF3-54AF-4794-938D-C0636BFA1288}" srcOrd="0" destOrd="0" presId="urn:microsoft.com/office/officeart/2008/layout/SquareAccentList"/>
    <dgm:cxn modelId="{E86782AC-A0A6-4906-AD5C-03903DB53C3A}" type="presParOf" srcId="{BBB95A08-67CD-4F89-A113-E9EAF92D2C81}" destId="{5650FF15-284A-46EA-A33F-708376F74A9F}" srcOrd="1" destOrd="0" presId="urn:microsoft.com/office/officeart/2008/layout/SquareAccentList"/>
    <dgm:cxn modelId="{B7EFB57D-0593-4890-9887-C4A369284992}" type="presParOf" srcId="{1AD12CF2-DFD5-477C-868F-27071C0A50B2}" destId="{75CA7816-1998-4192-930C-1FB1275FFB88}" srcOrd="3" destOrd="0" presId="urn:microsoft.com/office/officeart/2008/layout/SquareAccentList"/>
    <dgm:cxn modelId="{08CA5035-3CB6-4335-8B1E-28E8D050D300}" type="presParOf" srcId="{75CA7816-1998-4192-930C-1FB1275FFB88}" destId="{35A30143-39F6-4E96-816B-61A883FEC5C5}" srcOrd="0" destOrd="0" presId="urn:microsoft.com/office/officeart/2008/layout/SquareAccentList"/>
    <dgm:cxn modelId="{361C88EA-7E25-4128-9135-C0833AF0096E}" type="presParOf" srcId="{75CA7816-1998-4192-930C-1FB1275FFB88}" destId="{7987EAE1-0162-4DD9-A7E3-EAB46F4A5925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11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MILITARIZATION OF THE POLICE SERVICE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ivilian based Police Service Charter – Determine citizen image, trust and needs (Climate survey)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 Smart Policing Strategy – Safe cities and country that conforms to the Constitution and NDP resolutions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Obtain and analyse Policies, National Instructions, Standing Orders, MOUs &amp; Operating Standards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4" custScaleX="192929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3" custLinFactX="-284879" custLinFactNeighborX="-300000" custLinFactNeighborY="-43639"/>
      <dgm:spPr/>
    </dgm:pt>
    <dgm:pt modelId="{26204E24-09CE-41F4-AE4D-FA345A17C5F8}" type="pres">
      <dgm:prSet presAssocID="{D5883F9B-95A3-465E-8C8B-9591D3B2D275}" presName="Child" presStyleLbl="revTx" presStyleIdx="1" presStyleCnt="4" custScaleX="178747" custLinFactNeighborX="-4022" custLinFactNeighborY="-1309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3" custLinFactX="-200000" custLinFactNeighborX="-279007" custLinFactNeighborY="-37583"/>
      <dgm:spPr/>
    </dgm:pt>
    <dgm:pt modelId="{570FBC9A-AB6F-4C18-9884-060CA4074485}" type="pres">
      <dgm:prSet presAssocID="{873A2A23-2FA9-4116-8D94-D08C37B0B87A}" presName="Child" presStyleLbl="revTx" presStyleIdx="2" presStyleCnt="4" custScaleX="195473" custLinFactNeighborX="14469" custLinFactNeighborY="-11658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3" custLinFactX="-230911" custLinFactNeighborX="-300000" custLinFactNeighborY="-41000"/>
      <dgm:spPr/>
    </dgm:pt>
    <dgm:pt modelId="{5650FF15-284A-46EA-A33F-708376F74A9F}" type="pres">
      <dgm:prSet presAssocID="{FF5737B6-AF52-4E59-B435-DA3FD196B381}" presName="Child" presStyleLbl="revTx" presStyleIdx="3" presStyleCnt="4" custScaleX="187273" custLinFactNeighborX="4324" custLinFactNeighborY="-5996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AA354BBE-E58D-4844-BA5C-DF59CB2AADDF}" type="presOf" srcId="{873A2A23-2FA9-4116-8D94-D08C37B0B87A}" destId="{570FBC9A-AB6F-4C18-9884-060CA4074485}" srcOrd="0" destOrd="0" presId="urn:microsoft.com/office/officeart/2008/layout/SquareAccentList"/>
    <dgm:cxn modelId="{320BDE51-4B11-4ACA-AE1C-05523F815094}" type="presOf" srcId="{FF5737B6-AF52-4E59-B435-DA3FD196B381}" destId="{5650FF15-284A-46EA-A33F-708376F74A9F}" srcOrd="0" destOrd="0" presId="urn:microsoft.com/office/officeart/2008/layout/SquareAccentList"/>
    <dgm:cxn modelId="{B107FDEA-0E17-47AB-BE05-83181F1AFA98}" type="presOf" srcId="{55317CB4-F70F-4461-9259-4592675AE6D9}" destId="{13A775D7-9587-493E-B488-A6BB52AB22EE}" srcOrd="0" destOrd="0" presId="urn:microsoft.com/office/officeart/2008/layout/SquareAccentList"/>
    <dgm:cxn modelId="{B40976C4-4EFB-4BB1-B1E4-97BF0ABE2F77}" type="presOf" srcId="{C947D739-67E6-4838-B20C-BA5C2924D47C}" destId="{B7061B8B-1383-421A-99AC-526CF7C9BE74}" srcOrd="0" destOrd="0" presId="urn:microsoft.com/office/officeart/2008/layout/SquareAccentList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0700FC86-B735-4E07-9E8C-63E75D04B367}" type="presOf" srcId="{D5883F9B-95A3-465E-8C8B-9591D3B2D275}" destId="{26204E24-09CE-41F4-AE4D-FA345A17C5F8}" srcOrd="0" destOrd="0" presId="urn:microsoft.com/office/officeart/2008/layout/SquareAccentList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1453289D-D0CD-4FB2-B97E-885612A16556}" type="presParOf" srcId="{13A775D7-9587-493E-B488-A6BB52AB22EE}" destId="{759E421C-B559-48A7-AD3B-D0E4BA41EF5C}" srcOrd="0" destOrd="0" presId="urn:microsoft.com/office/officeart/2008/layout/SquareAccentList"/>
    <dgm:cxn modelId="{F6A70677-CDB1-4A9F-971E-4CC6BDC58258}" type="presParOf" srcId="{759E421C-B559-48A7-AD3B-D0E4BA41EF5C}" destId="{632A0B21-E009-43B4-A9CD-1D08954EA7E6}" srcOrd="0" destOrd="0" presId="urn:microsoft.com/office/officeart/2008/layout/SquareAccentList"/>
    <dgm:cxn modelId="{042C1EB8-EFB6-4A7C-B0E3-809046947712}" type="presParOf" srcId="{632A0B21-E009-43B4-A9CD-1D08954EA7E6}" destId="{38EF8B21-1A33-4ED0-A352-DBB8CB5B1B48}" srcOrd="0" destOrd="0" presId="urn:microsoft.com/office/officeart/2008/layout/SquareAccentList"/>
    <dgm:cxn modelId="{B506E1F5-1247-410A-81F3-F3E28AA7F8B7}" type="presParOf" srcId="{632A0B21-E009-43B4-A9CD-1D08954EA7E6}" destId="{975893C4-4C55-4D8C-A5D3-7AFAB07FE582}" srcOrd="1" destOrd="0" presId="urn:microsoft.com/office/officeart/2008/layout/SquareAccentList"/>
    <dgm:cxn modelId="{88F3C4D6-88EA-48BC-AE59-9B4CECFED092}" type="presParOf" srcId="{632A0B21-E009-43B4-A9CD-1D08954EA7E6}" destId="{B7061B8B-1383-421A-99AC-526CF7C9BE74}" srcOrd="2" destOrd="0" presId="urn:microsoft.com/office/officeart/2008/layout/SquareAccentList"/>
    <dgm:cxn modelId="{BDE40255-C8F2-4989-89C1-BD557ED162B6}" type="presParOf" srcId="{759E421C-B559-48A7-AD3B-D0E4BA41EF5C}" destId="{1AD12CF2-DFD5-477C-868F-27071C0A50B2}" srcOrd="1" destOrd="0" presId="urn:microsoft.com/office/officeart/2008/layout/SquareAccentList"/>
    <dgm:cxn modelId="{215631AE-0819-4ACF-9BE3-BB7B517CFFDD}" type="presParOf" srcId="{1AD12CF2-DFD5-477C-868F-27071C0A50B2}" destId="{61DE4505-2C2D-4CCC-9571-D700E0B9F389}" srcOrd="0" destOrd="0" presId="urn:microsoft.com/office/officeart/2008/layout/SquareAccentList"/>
    <dgm:cxn modelId="{65B9D03C-275E-47FC-B762-416892DC42EB}" type="presParOf" srcId="{61DE4505-2C2D-4CCC-9571-D700E0B9F389}" destId="{709C632C-F821-46C8-8EFA-4A2B0F2CFC43}" srcOrd="0" destOrd="0" presId="urn:microsoft.com/office/officeart/2008/layout/SquareAccentList"/>
    <dgm:cxn modelId="{8837BA6F-36D5-45A8-A8B9-D02848A414BF}" type="presParOf" srcId="{61DE4505-2C2D-4CCC-9571-D700E0B9F389}" destId="{26204E24-09CE-41F4-AE4D-FA345A17C5F8}" srcOrd="1" destOrd="0" presId="urn:microsoft.com/office/officeart/2008/layout/SquareAccentList"/>
    <dgm:cxn modelId="{8EFEA9B2-88B7-480E-AE8E-5650D71EF025}" type="presParOf" srcId="{1AD12CF2-DFD5-477C-868F-27071C0A50B2}" destId="{94E21E9D-F49F-416C-89C0-6F05C87D7A34}" srcOrd="1" destOrd="0" presId="urn:microsoft.com/office/officeart/2008/layout/SquareAccentList"/>
    <dgm:cxn modelId="{CFEC7C29-E3CD-42C2-A7C5-04163C83A0EB}" type="presParOf" srcId="{94E21E9D-F49F-416C-89C0-6F05C87D7A34}" destId="{E88F848A-B10F-44C4-92B6-351DD043D122}" srcOrd="0" destOrd="0" presId="urn:microsoft.com/office/officeart/2008/layout/SquareAccentList"/>
    <dgm:cxn modelId="{DA6E988A-E984-4D4F-A25A-8DFA0A28EE14}" type="presParOf" srcId="{94E21E9D-F49F-416C-89C0-6F05C87D7A34}" destId="{570FBC9A-AB6F-4C18-9884-060CA4074485}" srcOrd="1" destOrd="0" presId="urn:microsoft.com/office/officeart/2008/layout/SquareAccentList"/>
    <dgm:cxn modelId="{D1A03AE2-1686-44AC-82F2-38D1EF937E5E}" type="presParOf" srcId="{1AD12CF2-DFD5-477C-868F-27071C0A50B2}" destId="{BBB95A08-67CD-4F89-A113-E9EAF92D2C81}" srcOrd="2" destOrd="0" presId="urn:microsoft.com/office/officeart/2008/layout/SquareAccentList"/>
    <dgm:cxn modelId="{1D3BA313-948A-4AE1-8F41-3B9BCAB12E7F}" type="presParOf" srcId="{BBB95A08-67CD-4F89-A113-E9EAF92D2C81}" destId="{6D2DFDF3-54AF-4794-938D-C0636BFA1288}" srcOrd="0" destOrd="0" presId="urn:microsoft.com/office/officeart/2008/layout/SquareAccentList"/>
    <dgm:cxn modelId="{2D443C0F-3AC6-494A-B05C-3BA4D4BCD743}" type="presParOf" srcId="{BBB95A08-67CD-4F89-A113-E9EAF92D2C81}" destId="{5650FF15-284A-46EA-A33F-708376F74A9F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12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IMPROVING THE LIVING CONDITIONS OF POLICE OFFICERS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Salary structures and levels of police officers optimised to meet basic conditions of service conducive to working conditions 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National Instruction on placement, transfers, transporting and accommodation for police officers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career path and progression of police officers from entry to exit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DF7F19E-C8E1-4C75-BF84-511277DE712F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living conditions of police officers</a:t>
          </a:r>
        </a:p>
      </dgm:t>
    </dgm:pt>
    <dgm:pt modelId="{74265D30-36AC-4785-BD9E-3F89E63439DF}" type="parTrans" cxnId="{F0C20830-E1F2-4635-BF93-9685D803AC0D}">
      <dgm:prSet/>
      <dgm:spPr/>
      <dgm:t>
        <a:bodyPr/>
        <a:lstStyle/>
        <a:p>
          <a:endParaRPr lang="en-ZA"/>
        </a:p>
      </dgm:t>
    </dgm:pt>
    <dgm:pt modelId="{11425375-B225-40FE-BEB7-6427315159E5}" type="sibTrans" cxnId="{F0C20830-E1F2-4635-BF93-9685D803AC0D}">
      <dgm:prSet/>
      <dgm:spPr/>
      <dgm:t>
        <a:bodyPr/>
        <a:lstStyle/>
        <a:p>
          <a:endParaRPr lang="en-ZA"/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5" custScaleX="192929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4" custLinFactX="-284879" custLinFactNeighborX="-300000" custLinFactNeighborY="-43639"/>
      <dgm:spPr/>
    </dgm:pt>
    <dgm:pt modelId="{26204E24-09CE-41F4-AE4D-FA345A17C5F8}" type="pres">
      <dgm:prSet presAssocID="{D5883F9B-95A3-465E-8C8B-9591D3B2D275}" presName="Child" presStyleLbl="revTx" presStyleIdx="1" presStyleCnt="5" custScaleX="178747" custLinFactNeighborX="-2218" custLinFactNeighborY="-1449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4" custLinFactX="-200000" custLinFactNeighborX="-279007" custLinFactNeighborY="-37583"/>
      <dgm:spPr/>
    </dgm:pt>
    <dgm:pt modelId="{570FBC9A-AB6F-4C18-9884-060CA4074485}" type="pres">
      <dgm:prSet presAssocID="{873A2A23-2FA9-4116-8D94-D08C37B0B87A}" presName="Child" presStyleLbl="revTx" presStyleIdx="2" presStyleCnt="5" custScaleX="195473" custLinFactNeighborX="14469" custLinFactNeighborY="-11658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4" custLinFactX="-230911" custLinFactNeighborX="-300000" custLinFactNeighborY="-41000"/>
      <dgm:spPr/>
    </dgm:pt>
    <dgm:pt modelId="{5650FF15-284A-46EA-A33F-708376F74A9F}" type="pres">
      <dgm:prSet presAssocID="{FF5737B6-AF52-4E59-B435-DA3FD196B381}" presName="Child" presStyleLbl="revTx" presStyleIdx="3" presStyleCnt="5" custScaleX="187273" custLinFactNeighborX="5871" custLinFactNeighborY="-739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75CA7816-1998-4192-930C-1FB1275FFB88}" type="pres">
      <dgm:prSet presAssocID="{CDF7F19E-C8E1-4C75-BF84-511277DE712F}" presName="childComposite" presStyleCnt="0">
        <dgm:presLayoutVars>
          <dgm:chMax val="0"/>
          <dgm:chPref val="0"/>
        </dgm:presLayoutVars>
      </dgm:prSet>
      <dgm:spPr/>
    </dgm:pt>
    <dgm:pt modelId="{35A30143-39F6-4E96-816B-61A883FEC5C5}" type="pres">
      <dgm:prSet presAssocID="{CDF7F19E-C8E1-4C75-BF84-511277DE712F}" presName="ChildAccent" presStyleLbl="solidFgAcc1" presStyleIdx="3" presStyleCnt="4" custLinFactX="-200000" custLinFactNeighborX="-291501" custLinFactNeighborY="-23384"/>
      <dgm:spPr/>
    </dgm:pt>
    <dgm:pt modelId="{7987EAE1-0162-4DD9-A7E3-EAB46F4A5925}" type="pres">
      <dgm:prSet presAssocID="{CDF7F19E-C8E1-4C75-BF84-511277DE712F}" presName="Child" presStyleLbl="revTx" presStyleIdx="4" presStyleCnt="5" custScaleX="193303" custLinFactNeighborX="11567" custLinFactNeighborY="919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19070DD0-D587-4FBB-B10B-08EC0A78595A}" type="presOf" srcId="{D5883F9B-95A3-465E-8C8B-9591D3B2D275}" destId="{26204E24-09CE-41F4-AE4D-FA345A17C5F8}" srcOrd="0" destOrd="0" presId="urn:microsoft.com/office/officeart/2008/layout/SquareAccentList"/>
    <dgm:cxn modelId="{D11B0B51-BA25-4274-99FF-804E48EE417C}" type="presOf" srcId="{C947D739-67E6-4838-B20C-BA5C2924D47C}" destId="{B7061B8B-1383-421A-99AC-526CF7C9BE74}" srcOrd="0" destOrd="0" presId="urn:microsoft.com/office/officeart/2008/layout/SquareAccentList"/>
    <dgm:cxn modelId="{0C7D0DB4-F268-4667-A581-8607D614CB8E}" type="presOf" srcId="{CDF7F19E-C8E1-4C75-BF84-511277DE712F}" destId="{7987EAE1-0162-4DD9-A7E3-EAB46F4A5925}" srcOrd="0" destOrd="0" presId="urn:microsoft.com/office/officeart/2008/layout/SquareAccentList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126E85E6-F828-4804-8C8E-9E5D0BC311A4}" type="presOf" srcId="{873A2A23-2FA9-4116-8D94-D08C37B0B87A}" destId="{570FBC9A-AB6F-4C18-9884-060CA4074485}" srcOrd="0" destOrd="0" presId="urn:microsoft.com/office/officeart/2008/layout/SquareAccentList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04491D25-314A-4705-AA81-2157D4C737A6}" type="presOf" srcId="{FF5737B6-AF52-4E59-B435-DA3FD196B381}" destId="{5650FF15-284A-46EA-A33F-708376F74A9F}" srcOrd="0" destOrd="0" presId="urn:microsoft.com/office/officeart/2008/layout/SquareAccentList"/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F0C20830-E1F2-4635-BF93-9685D803AC0D}" srcId="{C947D739-67E6-4838-B20C-BA5C2924D47C}" destId="{CDF7F19E-C8E1-4C75-BF84-511277DE712F}" srcOrd="3" destOrd="0" parTransId="{74265D30-36AC-4785-BD9E-3F89E63439DF}" sibTransId="{11425375-B225-40FE-BEB7-6427315159E5}"/>
    <dgm:cxn modelId="{D145BE72-E2C6-4E69-B6DF-4040323DF8D5}" type="presOf" srcId="{55317CB4-F70F-4461-9259-4592675AE6D9}" destId="{13A775D7-9587-493E-B488-A6BB52AB22EE}" srcOrd="0" destOrd="0" presId="urn:microsoft.com/office/officeart/2008/layout/SquareAccentList"/>
    <dgm:cxn modelId="{2D71B4CF-B778-4B60-91CD-5CC9AC7348B6}" type="presParOf" srcId="{13A775D7-9587-493E-B488-A6BB52AB22EE}" destId="{759E421C-B559-48A7-AD3B-D0E4BA41EF5C}" srcOrd="0" destOrd="0" presId="urn:microsoft.com/office/officeart/2008/layout/SquareAccentList"/>
    <dgm:cxn modelId="{8A0A4FE8-9C1E-4168-A370-1087F449ADE4}" type="presParOf" srcId="{759E421C-B559-48A7-AD3B-D0E4BA41EF5C}" destId="{632A0B21-E009-43B4-A9CD-1D08954EA7E6}" srcOrd="0" destOrd="0" presId="urn:microsoft.com/office/officeart/2008/layout/SquareAccentList"/>
    <dgm:cxn modelId="{9E93DA77-D234-413E-BAA0-2CA8A8EDD721}" type="presParOf" srcId="{632A0B21-E009-43B4-A9CD-1D08954EA7E6}" destId="{38EF8B21-1A33-4ED0-A352-DBB8CB5B1B48}" srcOrd="0" destOrd="0" presId="urn:microsoft.com/office/officeart/2008/layout/SquareAccentList"/>
    <dgm:cxn modelId="{06F793C4-8610-42A4-B85F-220C4AB2C516}" type="presParOf" srcId="{632A0B21-E009-43B4-A9CD-1D08954EA7E6}" destId="{975893C4-4C55-4D8C-A5D3-7AFAB07FE582}" srcOrd="1" destOrd="0" presId="urn:microsoft.com/office/officeart/2008/layout/SquareAccentList"/>
    <dgm:cxn modelId="{5BBE480D-EEF8-4D7F-96A1-84010BC081C1}" type="presParOf" srcId="{632A0B21-E009-43B4-A9CD-1D08954EA7E6}" destId="{B7061B8B-1383-421A-99AC-526CF7C9BE74}" srcOrd="2" destOrd="0" presId="urn:microsoft.com/office/officeart/2008/layout/SquareAccentList"/>
    <dgm:cxn modelId="{6D788F82-EDDF-448F-95C3-D0A3E0899309}" type="presParOf" srcId="{759E421C-B559-48A7-AD3B-D0E4BA41EF5C}" destId="{1AD12CF2-DFD5-477C-868F-27071C0A50B2}" srcOrd="1" destOrd="0" presId="urn:microsoft.com/office/officeart/2008/layout/SquareAccentList"/>
    <dgm:cxn modelId="{88A5E1B8-448A-4A76-9A0E-C86D3ABDD3E0}" type="presParOf" srcId="{1AD12CF2-DFD5-477C-868F-27071C0A50B2}" destId="{61DE4505-2C2D-4CCC-9571-D700E0B9F389}" srcOrd="0" destOrd="0" presId="urn:microsoft.com/office/officeart/2008/layout/SquareAccentList"/>
    <dgm:cxn modelId="{5A6C224E-ED1D-4814-BB30-10D4040D6B4C}" type="presParOf" srcId="{61DE4505-2C2D-4CCC-9571-D700E0B9F389}" destId="{709C632C-F821-46C8-8EFA-4A2B0F2CFC43}" srcOrd="0" destOrd="0" presId="urn:microsoft.com/office/officeart/2008/layout/SquareAccentList"/>
    <dgm:cxn modelId="{EBF6B3ED-15E9-4591-A8EE-72851FA2968B}" type="presParOf" srcId="{61DE4505-2C2D-4CCC-9571-D700E0B9F389}" destId="{26204E24-09CE-41F4-AE4D-FA345A17C5F8}" srcOrd="1" destOrd="0" presId="urn:microsoft.com/office/officeart/2008/layout/SquareAccentList"/>
    <dgm:cxn modelId="{F2387EDB-C179-4046-A859-4DB50168F175}" type="presParOf" srcId="{1AD12CF2-DFD5-477C-868F-27071C0A50B2}" destId="{94E21E9D-F49F-416C-89C0-6F05C87D7A34}" srcOrd="1" destOrd="0" presId="urn:microsoft.com/office/officeart/2008/layout/SquareAccentList"/>
    <dgm:cxn modelId="{BD596714-C0BC-4A2E-8891-022CE86FA79C}" type="presParOf" srcId="{94E21E9D-F49F-416C-89C0-6F05C87D7A34}" destId="{E88F848A-B10F-44C4-92B6-351DD043D122}" srcOrd="0" destOrd="0" presId="urn:microsoft.com/office/officeart/2008/layout/SquareAccentList"/>
    <dgm:cxn modelId="{F18109F6-A3DC-47AD-8CA0-19950288FB07}" type="presParOf" srcId="{94E21E9D-F49F-416C-89C0-6F05C87D7A34}" destId="{570FBC9A-AB6F-4C18-9884-060CA4074485}" srcOrd="1" destOrd="0" presId="urn:microsoft.com/office/officeart/2008/layout/SquareAccentList"/>
    <dgm:cxn modelId="{9E8BE3E2-3047-46FB-A660-5F70F88058FE}" type="presParOf" srcId="{1AD12CF2-DFD5-477C-868F-27071C0A50B2}" destId="{BBB95A08-67CD-4F89-A113-E9EAF92D2C81}" srcOrd="2" destOrd="0" presId="urn:microsoft.com/office/officeart/2008/layout/SquareAccentList"/>
    <dgm:cxn modelId="{28B9C7A0-8042-4FD9-B6BB-7298D702C6E4}" type="presParOf" srcId="{BBB95A08-67CD-4F89-A113-E9EAF92D2C81}" destId="{6D2DFDF3-54AF-4794-938D-C0636BFA1288}" srcOrd="0" destOrd="0" presId="urn:microsoft.com/office/officeart/2008/layout/SquareAccentList"/>
    <dgm:cxn modelId="{4726ADF1-598F-45D3-942E-7C2F4F6CCDD6}" type="presParOf" srcId="{BBB95A08-67CD-4F89-A113-E9EAF92D2C81}" destId="{5650FF15-284A-46EA-A33F-708376F74A9F}" srcOrd="1" destOrd="0" presId="urn:microsoft.com/office/officeart/2008/layout/SquareAccentList"/>
    <dgm:cxn modelId="{7938DE08-0E9E-4C8D-A652-2B40A43A7614}" type="presParOf" srcId="{1AD12CF2-DFD5-477C-868F-27071C0A50B2}" destId="{75CA7816-1998-4192-930C-1FB1275FFB88}" srcOrd="3" destOrd="0" presId="urn:microsoft.com/office/officeart/2008/layout/SquareAccentList"/>
    <dgm:cxn modelId="{A50EA66C-8B14-419B-B366-095E36A65A49}" type="presParOf" srcId="{75CA7816-1998-4192-930C-1FB1275FFB88}" destId="{35A30143-39F6-4E96-816B-61A883FEC5C5}" srcOrd="0" destOrd="0" presId="urn:microsoft.com/office/officeart/2008/layout/SquareAccentList"/>
    <dgm:cxn modelId="{0156374E-126A-414B-9F8D-89033B6AC784}" type="presParOf" srcId="{75CA7816-1998-4192-930C-1FB1275FFB88}" destId="{7987EAE1-0162-4DD9-A7E3-EAB46F4A5925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13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IMPROVING THE WORKING CONDITIONS OF POLICE OFFICERS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ssess the restructuring of medical aid benefits, fund structure, fund’s financial model, payment processes, management and allocation of services to police officers based on the working environment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ssess Health and Wellness Program for all police officers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ssess the restructure of pension fund benefits, fund structure, fund’s financial model, payment processes, management and allocation of services to police officers based on the working environment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4" custScaleX="197564" custLinFactNeighborX="402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3" custLinFactX="-284879" custLinFactNeighborX="-300000" custLinFactNeighborY="-43639"/>
      <dgm:spPr/>
    </dgm:pt>
    <dgm:pt modelId="{26204E24-09CE-41F4-AE4D-FA345A17C5F8}" type="pres">
      <dgm:prSet presAssocID="{D5883F9B-95A3-465E-8C8B-9591D3B2D275}" presName="Child" presStyleLbl="revTx" presStyleIdx="1" presStyleCnt="4" custScaleX="178747" custLinFactNeighborX="-2218" custLinFactNeighborY="-1449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3" custLinFactX="-200000" custLinFactNeighborX="-271498" custLinFactNeighborY="36001"/>
      <dgm:spPr/>
    </dgm:pt>
    <dgm:pt modelId="{570FBC9A-AB6F-4C18-9884-060CA4074485}" type="pres">
      <dgm:prSet presAssocID="{873A2A23-2FA9-4116-8D94-D08C37B0B87A}" presName="Child" presStyleLbl="revTx" presStyleIdx="2" presStyleCnt="4" custScaleX="195473" custLinFactNeighborX="14223" custLinFactNeighborY="2708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3" custLinFactX="-223403" custLinFactY="6748" custLinFactNeighborX="-300000" custLinFactNeighborY="100000"/>
      <dgm:spPr/>
    </dgm:pt>
    <dgm:pt modelId="{5650FF15-284A-46EA-A33F-708376F74A9F}" type="pres">
      <dgm:prSet presAssocID="{FF5737B6-AF52-4E59-B435-DA3FD196B381}" presName="Child" presStyleLbl="revTx" presStyleIdx="3" presStyleCnt="4" custScaleX="187273" custLinFactNeighborX="6135" custLinFactNeighborY="6865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C1152777-3B94-472D-A75F-6EC5636EA4AB}" type="presOf" srcId="{FF5737B6-AF52-4E59-B435-DA3FD196B381}" destId="{5650FF15-284A-46EA-A33F-708376F74A9F}" srcOrd="0" destOrd="0" presId="urn:microsoft.com/office/officeart/2008/layout/SquareAccentList"/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35C1CBE9-978E-4C99-BC65-E8D0CE50219E}" type="presOf" srcId="{C947D739-67E6-4838-B20C-BA5C2924D47C}" destId="{B7061B8B-1383-421A-99AC-526CF7C9BE74}" srcOrd="0" destOrd="0" presId="urn:microsoft.com/office/officeart/2008/layout/SquareAccentList"/>
    <dgm:cxn modelId="{3683DFF6-A531-492C-94E7-0F4E7F39D71E}" type="presOf" srcId="{55317CB4-F70F-4461-9259-4592675AE6D9}" destId="{13A775D7-9587-493E-B488-A6BB52AB22EE}" srcOrd="0" destOrd="0" presId="urn:microsoft.com/office/officeart/2008/layout/SquareAccentList"/>
    <dgm:cxn modelId="{7FD9DFEF-CAD1-4D07-A991-B5ED569FCFA0}" type="presOf" srcId="{D5883F9B-95A3-465E-8C8B-9591D3B2D275}" destId="{26204E24-09CE-41F4-AE4D-FA345A17C5F8}" srcOrd="0" destOrd="0" presId="urn:microsoft.com/office/officeart/2008/layout/SquareAccentList"/>
    <dgm:cxn modelId="{D623B786-36F9-47A5-977E-918592335A61}" type="presOf" srcId="{873A2A23-2FA9-4116-8D94-D08C37B0B87A}" destId="{570FBC9A-AB6F-4C18-9884-060CA4074485}" srcOrd="0" destOrd="0" presId="urn:microsoft.com/office/officeart/2008/layout/SquareAccentList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C630CA8C-35CA-4241-8750-B669856B597D}" type="presParOf" srcId="{13A775D7-9587-493E-B488-A6BB52AB22EE}" destId="{759E421C-B559-48A7-AD3B-D0E4BA41EF5C}" srcOrd="0" destOrd="0" presId="urn:microsoft.com/office/officeart/2008/layout/SquareAccentList"/>
    <dgm:cxn modelId="{07C098F0-5CCA-4654-BA38-1C64C4636708}" type="presParOf" srcId="{759E421C-B559-48A7-AD3B-D0E4BA41EF5C}" destId="{632A0B21-E009-43B4-A9CD-1D08954EA7E6}" srcOrd="0" destOrd="0" presId="urn:microsoft.com/office/officeart/2008/layout/SquareAccentList"/>
    <dgm:cxn modelId="{408D3639-FF64-4AEF-A5F1-4074248A8701}" type="presParOf" srcId="{632A0B21-E009-43B4-A9CD-1D08954EA7E6}" destId="{38EF8B21-1A33-4ED0-A352-DBB8CB5B1B48}" srcOrd="0" destOrd="0" presId="urn:microsoft.com/office/officeart/2008/layout/SquareAccentList"/>
    <dgm:cxn modelId="{A23C1380-D04D-4DBD-9665-B8659F635312}" type="presParOf" srcId="{632A0B21-E009-43B4-A9CD-1D08954EA7E6}" destId="{975893C4-4C55-4D8C-A5D3-7AFAB07FE582}" srcOrd="1" destOrd="0" presId="urn:microsoft.com/office/officeart/2008/layout/SquareAccentList"/>
    <dgm:cxn modelId="{AFF2F539-CE18-40C0-87A5-538AD5667862}" type="presParOf" srcId="{632A0B21-E009-43B4-A9CD-1D08954EA7E6}" destId="{B7061B8B-1383-421A-99AC-526CF7C9BE74}" srcOrd="2" destOrd="0" presId="urn:microsoft.com/office/officeart/2008/layout/SquareAccentList"/>
    <dgm:cxn modelId="{05EBF1FB-1A4A-47EA-B934-AAF9072BB8BC}" type="presParOf" srcId="{759E421C-B559-48A7-AD3B-D0E4BA41EF5C}" destId="{1AD12CF2-DFD5-477C-868F-27071C0A50B2}" srcOrd="1" destOrd="0" presId="urn:microsoft.com/office/officeart/2008/layout/SquareAccentList"/>
    <dgm:cxn modelId="{F75D3E66-6F19-467E-A13C-212E5C489A11}" type="presParOf" srcId="{1AD12CF2-DFD5-477C-868F-27071C0A50B2}" destId="{61DE4505-2C2D-4CCC-9571-D700E0B9F389}" srcOrd="0" destOrd="0" presId="urn:microsoft.com/office/officeart/2008/layout/SquareAccentList"/>
    <dgm:cxn modelId="{F91E8E6F-3B6F-4880-9F42-8DD44CDDE1A4}" type="presParOf" srcId="{61DE4505-2C2D-4CCC-9571-D700E0B9F389}" destId="{709C632C-F821-46C8-8EFA-4A2B0F2CFC43}" srcOrd="0" destOrd="0" presId="urn:microsoft.com/office/officeart/2008/layout/SquareAccentList"/>
    <dgm:cxn modelId="{852F46D7-588F-49D7-B7AA-BD229B26540E}" type="presParOf" srcId="{61DE4505-2C2D-4CCC-9571-D700E0B9F389}" destId="{26204E24-09CE-41F4-AE4D-FA345A17C5F8}" srcOrd="1" destOrd="0" presId="urn:microsoft.com/office/officeart/2008/layout/SquareAccentList"/>
    <dgm:cxn modelId="{CEF85072-95E0-4352-8225-FB693BF0DCCC}" type="presParOf" srcId="{1AD12CF2-DFD5-477C-868F-27071C0A50B2}" destId="{94E21E9D-F49F-416C-89C0-6F05C87D7A34}" srcOrd="1" destOrd="0" presId="urn:microsoft.com/office/officeart/2008/layout/SquareAccentList"/>
    <dgm:cxn modelId="{1315D4D5-D37D-4F29-B196-8ED3D302FF3E}" type="presParOf" srcId="{94E21E9D-F49F-416C-89C0-6F05C87D7A34}" destId="{E88F848A-B10F-44C4-92B6-351DD043D122}" srcOrd="0" destOrd="0" presId="urn:microsoft.com/office/officeart/2008/layout/SquareAccentList"/>
    <dgm:cxn modelId="{A278A024-F7ED-473C-ABB5-11C48ECA7FE9}" type="presParOf" srcId="{94E21E9D-F49F-416C-89C0-6F05C87D7A34}" destId="{570FBC9A-AB6F-4C18-9884-060CA4074485}" srcOrd="1" destOrd="0" presId="urn:microsoft.com/office/officeart/2008/layout/SquareAccentList"/>
    <dgm:cxn modelId="{053939CD-ECEB-4B15-8B4D-3B89E9A9C77C}" type="presParOf" srcId="{1AD12CF2-DFD5-477C-868F-27071C0A50B2}" destId="{BBB95A08-67CD-4F89-A113-E9EAF92D2C81}" srcOrd="2" destOrd="0" presId="urn:microsoft.com/office/officeart/2008/layout/SquareAccentList"/>
    <dgm:cxn modelId="{BC2FF4E3-DA59-4DD6-9B74-CA0F9E8E2F35}" type="presParOf" srcId="{BBB95A08-67CD-4F89-A113-E9EAF92D2C81}" destId="{6D2DFDF3-54AF-4794-938D-C0636BFA1288}" srcOrd="0" destOrd="0" presId="urn:microsoft.com/office/officeart/2008/layout/SquareAccentList"/>
    <dgm:cxn modelId="{A93826C8-7D31-4BE0-9639-5DCC4A1ACEEB}" type="presParOf" srcId="{BBB95A08-67CD-4F89-A113-E9EAF92D2C81}" destId="{5650FF15-284A-46EA-A33F-708376F74A9F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14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IMPROVING THE WORKING CONDITIONS OF POLICE OFFICERS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onduct work study on ratio analysis of a police official to the targeted population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termine equipment, resources and apparel comfort, use and practical application to job specifications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ssessment of physical fitness of all police officers 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4" custScaleX="192929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3" custLinFactX="-284879" custLinFactNeighborX="-300000" custLinFactNeighborY="-43639"/>
      <dgm:spPr/>
    </dgm:pt>
    <dgm:pt modelId="{26204E24-09CE-41F4-AE4D-FA345A17C5F8}" type="pres">
      <dgm:prSet presAssocID="{D5883F9B-95A3-465E-8C8B-9591D3B2D275}" presName="Child" presStyleLbl="revTx" presStyleIdx="1" presStyleCnt="4" custScaleX="178747" custLinFactNeighborX="-4022" custLinFactNeighborY="-1309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3" custLinFactX="-200000" custLinFactNeighborX="-279007" custLinFactNeighborY="-37583"/>
      <dgm:spPr/>
    </dgm:pt>
    <dgm:pt modelId="{570FBC9A-AB6F-4C18-9884-060CA4074485}" type="pres">
      <dgm:prSet presAssocID="{873A2A23-2FA9-4116-8D94-D08C37B0B87A}" presName="Child" presStyleLbl="revTx" presStyleIdx="2" presStyleCnt="4" custScaleX="195473" custLinFactNeighborX="14469" custLinFactNeighborY="-11658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3" custLinFactX="-230911" custLinFactNeighborX="-300000" custLinFactNeighborY="-41000"/>
      <dgm:spPr/>
    </dgm:pt>
    <dgm:pt modelId="{5650FF15-284A-46EA-A33F-708376F74A9F}" type="pres">
      <dgm:prSet presAssocID="{FF5737B6-AF52-4E59-B435-DA3FD196B381}" presName="Child" presStyleLbl="revTx" presStyleIdx="3" presStyleCnt="4" custScaleX="187273" custLinFactNeighborX="4324" custLinFactNeighborY="-18587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ADFAF041-8B8E-4472-BA50-56FB810DC3F6}" type="presOf" srcId="{55317CB4-F70F-4461-9259-4592675AE6D9}" destId="{13A775D7-9587-493E-B488-A6BB52AB22EE}" srcOrd="0" destOrd="0" presId="urn:microsoft.com/office/officeart/2008/layout/SquareAccentList"/>
    <dgm:cxn modelId="{3782C825-326A-4CBF-B3FE-E69E4499AA67}" type="presOf" srcId="{FF5737B6-AF52-4E59-B435-DA3FD196B381}" destId="{5650FF15-284A-46EA-A33F-708376F74A9F}" srcOrd="0" destOrd="0" presId="urn:microsoft.com/office/officeart/2008/layout/SquareAccentList"/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36B86062-252B-4DFA-BCF9-15743E2D7F1A}" type="presOf" srcId="{C947D739-67E6-4838-B20C-BA5C2924D47C}" destId="{B7061B8B-1383-421A-99AC-526CF7C9BE74}" srcOrd="0" destOrd="0" presId="urn:microsoft.com/office/officeart/2008/layout/SquareAccentList"/>
    <dgm:cxn modelId="{7D602D97-005D-471B-B40E-CD1949A60880}" type="presOf" srcId="{873A2A23-2FA9-4116-8D94-D08C37B0B87A}" destId="{570FBC9A-AB6F-4C18-9884-060CA4074485}" srcOrd="0" destOrd="0" presId="urn:microsoft.com/office/officeart/2008/layout/SquareAccentList"/>
    <dgm:cxn modelId="{F60C2F1C-59F8-4BDB-8E36-3C477C774119}" type="presOf" srcId="{D5883F9B-95A3-465E-8C8B-9591D3B2D275}" destId="{26204E24-09CE-41F4-AE4D-FA345A17C5F8}" srcOrd="0" destOrd="0" presId="urn:microsoft.com/office/officeart/2008/layout/SquareAccentList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79E3A02F-E63C-494A-8FE1-6BC5166A2EBD}" type="presParOf" srcId="{13A775D7-9587-493E-B488-A6BB52AB22EE}" destId="{759E421C-B559-48A7-AD3B-D0E4BA41EF5C}" srcOrd="0" destOrd="0" presId="urn:microsoft.com/office/officeart/2008/layout/SquareAccentList"/>
    <dgm:cxn modelId="{A39B7623-32B3-4A42-BBDB-55F5D2E5438F}" type="presParOf" srcId="{759E421C-B559-48A7-AD3B-D0E4BA41EF5C}" destId="{632A0B21-E009-43B4-A9CD-1D08954EA7E6}" srcOrd="0" destOrd="0" presId="urn:microsoft.com/office/officeart/2008/layout/SquareAccentList"/>
    <dgm:cxn modelId="{F1BF5E60-3E92-410C-B945-49B1FC2F40C2}" type="presParOf" srcId="{632A0B21-E009-43B4-A9CD-1D08954EA7E6}" destId="{38EF8B21-1A33-4ED0-A352-DBB8CB5B1B48}" srcOrd="0" destOrd="0" presId="urn:microsoft.com/office/officeart/2008/layout/SquareAccentList"/>
    <dgm:cxn modelId="{C5773ED7-CECB-4434-86B3-85E50AD8B0DE}" type="presParOf" srcId="{632A0B21-E009-43B4-A9CD-1D08954EA7E6}" destId="{975893C4-4C55-4D8C-A5D3-7AFAB07FE582}" srcOrd="1" destOrd="0" presId="urn:microsoft.com/office/officeart/2008/layout/SquareAccentList"/>
    <dgm:cxn modelId="{7087A82C-D430-49B8-9E69-22279DE6393A}" type="presParOf" srcId="{632A0B21-E009-43B4-A9CD-1D08954EA7E6}" destId="{B7061B8B-1383-421A-99AC-526CF7C9BE74}" srcOrd="2" destOrd="0" presId="urn:microsoft.com/office/officeart/2008/layout/SquareAccentList"/>
    <dgm:cxn modelId="{498F0C21-A6E8-4CB2-A536-32A7ABD25865}" type="presParOf" srcId="{759E421C-B559-48A7-AD3B-D0E4BA41EF5C}" destId="{1AD12CF2-DFD5-477C-868F-27071C0A50B2}" srcOrd="1" destOrd="0" presId="urn:microsoft.com/office/officeart/2008/layout/SquareAccentList"/>
    <dgm:cxn modelId="{51F8F656-BE85-4CA9-AE8A-E50777E03372}" type="presParOf" srcId="{1AD12CF2-DFD5-477C-868F-27071C0A50B2}" destId="{61DE4505-2C2D-4CCC-9571-D700E0B9F389}" srcOrd="0" destOrd="0" presId="urn:microsoft.com/office/officeart/2008/layout/SquareAccentList"/>
    <dgm:cxn modelId="{6D6D9D31-487C-49EA-9717-2CC35E969683}" type="presParOf" srcId="{61DE4505-2C2D-4CCC-9571-D700E0B9F389}" destId="{709C632C-F821-46C8-8EFA-4A2B0F2CFC43}" srcOrd="0" destOrd="0" presId="urn:microsoft.com/office/officeart/2008/layout/SquareAccentList"/>
    <dgm:cxn modelId="{CD141DBF-E0CA-4F75-8A98-8D29600E4E05}" type="presParOf" srcId="{61DE4505-2C2D-4CCC-9571-D700E0B9F389}" destId="{26204E24-09CE-41F4-AE4D-FA345A17C5F8}" srcOrd="1" destOrd="0" presId="urn:microsoft.com/office/officeart/2008/layout/SquareAccentList"/>
    <dgm:cxn modelId="{D8FB2131-1A89-4DE0-90CF-87A5CCBDD95B}" type="presParOf" srcId="{1AD12CF2-DFD5-477C-868F-27071C0A50B2}" destId="{94E21E9D-F49F-416C-89C0-6F05C87D7A34}" srcOrd="1" destOrd="0" presId="urn:microsoft.com/office/officeart/2008/layout/SquareAccentList"/>
    <dgm:cxn modelId="{53D0DBCC-97A7-4E8C-9EE0-5FFC32D3260D}" type="presParOf" srcId="{94E21E9D-F49F-416C-89C0-6F05C87D7A34}" destId="{E88F848A-B10F-44C4-92B6-351DD043D122}" srcOrd="0" destOrd="0" presId="urn:microsoft.com/office/officeart/2008/layout/SquareAccentList"/>
    <dgm:cxn modelId="{805E4B17-4D8D-4D6B-AA4D-6794996392A7}" type="presParOf" srcId="{94E21E9D-F49F-416C-89C0-6F05C87D7A34}" destId="{570FBC9A-AB6F-4C18-9884-060CA4074485}" srcOrd="1" destOrd="0" presId="urn:microsoft.com/office/officeart/2008/layout/SquareAccentList"/>
    <dgm:cxn modelId="{35BB0974-8773-4A56-8E08-F73ABB55E0A7}" type="presParOf" srcId="{1AD12CF2-DFD5-477C-868F-27071C0A50B2}" destId="{BBB95A08-67CD-4F89-A113-E9EAF92D2C81}" srcOrd="2" destOrd="0" presId="urn:microsoft.com/office/officeart/2008/layout/SquareAccentList"/>
    <dgm:cxn modelId="{68725BA2-5E14-45BE-8674-92155C33B6CC}" type="presParOf" srcId="{BBB95A08-67CD-4F89-A113-E9EAF92D2C81}" destId="{6D2DFDF3-54AF-4794-938D-C0636BFA1288}" srcOrd="0" destOrd="0" presId="urn:microsoft.com/office/officeart/2008/layout/SquareAccentList"/>
    <dgm:cxn modelId="{0C1418B2-9C1A-49BE-8E4B-71CF6A157769}" type="presParOf" srcId="{BBB95A08-67CD-4F89-A113-E9EAF92D2C81}" destId="{5650FF15-284A-46EA-A33F-708376F74A9F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21546875-C0D2-46F5-8EA5-E5B2DF5AB8AB}" type="doc">
      <dgm:prSet loTypeId="urn:microsoft.com/office/officeart/2005/8/layout/list1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18E6CE3-180A-4EBF-AC92-77196FEBBC55}">
      <dgm:prSet phldrT="[Text]" custT="1"/>
      <dgm:spPr/>
      <dgm:t>
        <a:bodyPr/>
        <a:lstStyle/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JECT MANAGEMENT OFFICE APPOINTED</a:t>
          </a:r>
          <a:endParaRPr lang="en-ZA" sz="1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8AA6B19-C902-46EF-BEBA-8301EB325ED1}" type="parTrans" cxnId="{A3C20492-7FCC-44B9-BD2E-E7110937AE70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9ED110F-72BB-44C4-B665-E0D94A405593}" type="sibTrans" cxnId="{A3C20492-7FCC-44B9-BD2E-E7110937AE70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4739E533-5F48-4A3F-AA62-FB1C59E19989}">
      <dgm:prSet phldrT="[Text]" custT="1"/>
      <dgm:spPr/>
      <dgm:t>
        <a:bodyPr/>
        <a:lstStyle/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PPOINTMENT OF ADMINISTRATORS IS AT ADVANCED STAGE</a:t>
          </a:r>
          <a:endParaRPr lang="en-ZA" sz="1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03DFEA8-608B-4F3A-B1B1-90B19200397E}" type="parTrans" cxnId="{25FD2F57-3B1E-4E2C-B800-F8572D2EF421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37905BA-7A6A-435D-B54D-DB20F7BC7456}" type="sibTrans" cxnId="{25FD2F57-3B1E-4E2C-B800-F8572D2EF421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E855E3B-F4E9-4086-B1D4-9CFA264A5F90}">
      <dgm:prSet phldrT="[Text]" custT="1"/>
      <dgm:spPr/>
      <dgm:t>
        <a:bodyPr/>
        <a:lstStyle/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THE MOMERUNDUM OF UNDERSTANDING BETWEEN SAPS AND PSIRA </a:t>
          </a:r>
          <a:endParaRPr lang="en-ZA" sz="1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36A8846-85F1-4724-BB3F-9D77404EE49A}" type="parTrans" cxnId="{605B0F40-BE91-49DF-9B94-30FF40A4054E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2B79E62-81CF-4559-915E-29FBB39E00B2}" type="sibTrans" cxnId="{605B0F40-BE91-49DF-9B94-30FF40A4054E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554C1B8-3D2E-4151-8536-946534DEC9E7}">
      <dgm:prSet custT="1"/>
      <dgm:spPr/>
      <dgm:t>
        <a:bodyPr/>
        <a:lstStyle/>
        <a:p>
          <a:r>
            <a:rPr lang="en-ZA" sz="140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HAIRPERSONS OFFICE CAPACITATED</a:t>
          </a:r>
          <a:endParaRPr lang="en-ZA" sz="1400" dirty="0" smtClean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BDFAD30F-7203-4455-9D93-B3BCFC38AA1F}" type="parTrans" cxnId="{0D4ED6D6-37F0-4E59-B314-FD08D3A20903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678E6CA-9979-4445-9FCA-C4B29BB91553}" type="sibTrans" cxnId="{0D4ED6D6-37F0-4E59-B314-FD08D3A20903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8FAF29F-4E41-431F-9E64-60FCE34ACC0A}">
      <dgm:prSet custT="1"/>
      <dgm:spPr/>
      <dgm:t>
        <a:bodyPr/>
        <a:lstStyle/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TASK TEAM INTRODUCED AND IN OPERATION</a:t>
          </a:r>
        </a:p>
      </dgm:t>
    </dgm:pt>
    <dgm:pt modelId="{D90D813B-595B-4E72-B658-2E4D80F4091D}" type="parTrans" cxnId="{ACB9C182-1283-44A0-A24D-CEBBF8181A17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E1619C1A-DDB2-49C2-B663-94217CF8D839}" type="sibTrans" cxnId="{ACB9C182-1283-44A0-A24D-CEBBF8181A17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BE1BA7B8-A633-4EFB-B90B-1386896DFE05}">
      <dgm:prSet custT="1"/>
      <dgm:spPr/>
      <dgm:t>
        <a:bodyPr/>
        <a:lstStyle/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LANNING WORKSHOP AND DRAFT ANNUAL PERFORMANCE PLAN DEVELOPED</a:t>
          </a:r>
        </a:p>
      </dgm:t>
    </dgm:pt>
    <dgm:pt modelId="{2ACD07F1-40D9-4624-8E07-95BEB64A8AD7}" type="parTrans" cxnId="{DECFAF9D-FE41-4B72-8597-AE0861F611CE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A5F3B0-491F-4005-8959-F0513B355855}" type="sibTrans" cxnId="{DECFAF9D-FE41-4B72-8597-AE0861F611CE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56CD3CF-4632-43FB-A2B4-14C5B4981F67}" type="pres">
      <dgm:prSet presAssocID="{21546875-C0D2-46F5-8EA5-E5B2DF5AB8AB}" presName="linear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n-ZA"/>
        </a:p>
      </dgm:t>
    </dgm:pt>
    <dgm:pt modelId="{412EA1C7-8DC7-482B-9FFA-C6436B19A55C}" type="pres">
      <dgm:prSet presAssocID="{C18E6CE3-180A-4EBF-AC92-77196FEBBC55}" presName="parentLin" presStyleCnt="0"/>
      <dgm:spPr/>
    </dgm:pt>
    <dgm:pt modelId="{11F7702F-4F75-4CF7-A711-F0CE0FDDDD2B}" type="pres">
      <dgm:prSet presAssocID="{C18E6CE3-180A-4EBF-AC92-77196FEBBC55}" presName="parentLeftMargin" presStyleLbl="node1" presStyleIdx="0" presStyleCnt="6"/>
      <dgm:spPr/>
      <dgm:t>
        <a:bodyPr/>
        <a:lstStyle/>
        <a:p>
          <a:endParaRPr lang="en-ZA"/>
        </a:p>
      </dgm:t>
    </dgm:pt>
    <dgm:pt modelId="{9404614C-B3E2-4BD3-88DE-F05C4B42107D}" type="pres">
      <dgm:prSet presAssocID="{C18E6CE3-180A-4EBF-AC92-77196FEBBC55}" presName="parentText" presStyleLbl="node1" presStyleIdx="0" presStyleCnt="6">
        <dgm:presLayoutVars>
          <dgm:chMax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35EBE1F7-97F7-4234-A2B6-30808362DC0C}" type="pres">
      <dgm:prSet presAssocID="{C18E6CE3-180A-4EBF-AC92-77196FEBBC55}" presName="negativeSpace" presStyleCnt="0"/>
      <dgm:spPr/>
    </dgm:pt>
    <dgm:pt modelId="{B9601203-9835-4BD2-8B32-9740DDFE2999}" type="pres">
      <dgm:prSet presAssocID="{C18E6CE3-180A-4EBF-AC92-77196FEBBC55}" presName="childText" presStyleLbl="conFgAcc1" presStyleIdx="0" presStyleCnt="6">
        <dgm:presLayoutVars>
          <dgm:bulletEnabled val="1"/>
        </dgm:presLayoutVars>
      </dgm:prSet>
      <dgm:spPr/>
    </dgm:pt>
    <dgm:pt modelId="{E9F8A39E-65D0-4EFA-8503-A4B270AF51EC}" type="pres">
      <dgm:prSet presAssocID="{C9ED110F-72BB-44C4-B665-E0D94A405593}" presName="spaceBetweenRectangles" presStyleCnt="0"/>
      <dgm:spPr/>
    </dgm:pt>
    <dgm:pt modelId="{B8E10F28-309A-4738-B41A-D88EC21F2CF6}" type="pres">
      <dgm:prSet presAssocID="{4739E533-5F48-4A3F-AA62-FB1C59E19989}" presName="parentLin" presStyleCnt="0"/>
      <dgm:spPr/>
    </dgm:pt>
    <dgm:pt modelId="{360E1F31-3C90-4E5D-9920-E3E631739CB1}" type="pres">
      <dgm:prSet presAssocID="{4739E533-5F48-4A3F-AA62-FB1C59E19989}" presName="parentLeftMargin" presStyleLbl="node1" presStyleIdx="0" presStyleCnt="6"/>
      <dgm:spPr/>
      <dgm:t>
        <a:bodyPr/>
        <a:lstStyle/>
        <a:p>
          <a:endParaRPr lang="en-ZA"/>
        </a:p>
      </dgm:t>
    </dgm:pt>
    <dgm:pt modelId="{06AF9ED1-CB33-4FC5-8848-2ED60A01B023}" type="pres">
      <dgm:prSet presAssocID="{4739E533-5F48-4A3F-AA62-FB1C59E19989}" presName="parentText" presStyleLbl="node1" presStyleIdx="1" presStyleCnt="6">
        <dgm:presLayoutVars>
          <dgm:chMax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E922EFB0-5EC3-46CC-BF7F-0730E9ADF319}" type="pres">
      <dgm:prSet presAssocID="{4739E533-5F48-4A3F-AA62-FB1C59E19989}" presName="negativeSpace" presStyleCnt="0"/>
      <dgm:spPr/>
    </dgm:pt>
    <dgm:pt modelId="{09394488-B3CA-4C34-B039-CB1E0CDE6652}" type="pres">
      <dgm:prSet presAssocID="{4739E533-5F48-4A3F-AA62-FB1C59E19989}" presName="childText" presStyleLbl="conFgAcc1" presStyleIdx="1" presStyleCnt="6">
        <dgm:presLayoutVars>
          <dgm:bulletEnabled val="1"/>
        </dgm:presLayoutVars>
      </dgm:prSet>
      <dgm:spPr/>
    </dgm:pt>
    <dgm:pt modelId="{F7EE5D56-7E7C-43F6-B6E9-26B9D508FCA4}" type="pres">
      <dgm:prSet presAssocID="{C37905BA-7A6A-435D-B54D-DB20F7BC7456}" presName="spaceBetweenRectangles" presStyleCnt="0"/>
      <dgm:spPr/>
    </dgm:pt>
    <dgm:pt modelId="{7EA97EBB-FB7C-4B31-944A-9F85C075569C}" type="pres">
      <dgm:prSet presAssocID="{0E855E3B-F4E9-4086-B1D4-9CFA264A5F90}" presName="parentLin" presStyleCnt="0"/>
      <dgm:spPr/>
    </dgm:pt>
    <dgm:pt modelId="{D059EC6C-173B-44BF-8F63-3C1CBBD6EA4D}" type="pres">
      <dgm:prSet presAssocID="{0E855E3B-F4E9-4086-B1D4-9CFA264A5F90}" presName="parentLeftMargin" presStyleLbl="node1" presStyleIdx="1" presStyleCnt="6"/>
      <dgm:spPr/>
      <dgm:t>
        <a:bodyPr/>
        <a:lstStyle/>
        <a:p>
          <a:endParaRPr lang="en-ZA"/>
        </a:p>
      </dgm:t>
    </dgm:pt>
    <dgm:pt modelId="{B1DE35D4-9FDA-49EE-962C-EEDA44A57DF3}" type="pres">
      <dgm:prSet presAssocID="{0E855E3B-F4E9-4086-B1D4-9CFA264A5F90}" presName="parentText" presStyleLbl="node1" presStyleIdx="2" presStyleCnt="6">
        <dgm:presLayoutVars>
          <dgm:chMax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F45EA5F7-664A-4F97-AB8B-ED8EC94E02BB}" type="pres">
      <dgm:prSet presAssocID="{0E855E3B-F4E9-4086-B1D4-9CFA264A5F90}" presName="negativeSpace" presStyleCnt="0"/>
      <dgm:spPr/>
    </dgm:pt>
    <dgm:pt modelId="{4F7CA317-7B46-421E-AF15-E876446FB188}" type="pres">
      <dgm:prSet presAssocID="{0E855E3B-F4E9-4086-B1D4-9CFA264A5F90}" presName="childText" presStyleLbl="conFgAcc1" presStyleIdx="2" presStyleCnt="6">
        <dgm:presLayoutVars>
          <dgm:bulletEnabled val="1"/>
        </dgm:presLayoutVars>
      </dgm:prSet>
      <dgm:spPr/>
    </dgm:pt>
    <dgm:pt modelId="{90E6BE08-3928-44DC-BBFC-27B910678AFF}" type="pres">
      <dgm:prSet presAssocID="{C2B79E62-81CF-4559-915E-29FBB39E00B2}" presName="spaceBetweenRectangles" presStyleCnt="0"/>
      <dgm:spPr/>
    </dgm:pt>
    <dgm:pt modelId="{F32AC93E-C28D-4084-83A5-F7F6154C466A}" type="pres">
      <dgm:prSet presAssocID="{F554C1B8-3D2E-4151-8536-946534DEC9E7}" presName="parentLin" presStyleCnt="0"/>
      <dgm:spPr/>
    </dgm:pt>
    <dgm:pt modelId="{6727C3DE-96B9-4961-9B99-D885A2ADD117}" type="pres">
      <dgm:prSet presAssocID="{F554C1B8-3D2E-4151-8536-946534DEC9E7}" presName="parentLeftMargin" presStyleLbl="node1" presStyleIdx="2" presStyleCnt="6"/>
      <dgm:spPr/>
      <dgm:t>
        <a:bodyPr/>
        <a:lstStyle/>
        <a:p>
          <a:endParaRPr lang="en-ZA"/>
        </a:p>
      </dgm:t>
    </dgm:pt>
    <dgm:pt modelId="{23EC5EC6-0C57-46D5-BDAC-F5FD7594AED3}" type="pres">
      <dgm:prSet presAssocID="{F554C1B8-3D2E-4151-8536-946534DEC9E7}" presName="parentText" presStyleLbl="node1" presStyleIdx="3" presStyleCnt="6">
        <dgm:presLayoutVars>
          <dgm:chMax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2318D14E-760A-4273-845A-C9DC5F31BCCF}" type="pres">
      <dgm:prSet presAssocID="{F554C1B8-3D2E-4151-8536-946534DEC9E7}" presName="negativeSpace" presStyleCnt="0"/>
      <dgm:spPr/>
    </dgm:pt>
    <dgm:pt modelId="{3BCB0179-C94C-40C2-ABD1-3EBF37800AAA}" type="pres">
      <dgm:prSet presAssocID="{F554C1B8-3D2E-4151-8536-946534DEC9E7}" presName="childText" presStyleLbl="conFgAcc1" presStyleIdx="3" presStyleCnt="6">
        <dgm:presLayoutVars>
          <dgm:bulletEnabled val="1"/>
        </dgm:presLayoutVars>
      </dgm:prSet>
      <dgm:spPr/>
    </dgm:pt>
    <dgm:pt modelId="{0CC66067-2B5A-40B4-9373-46075A499443}" type="pres">
      <dgm:prSet presAssocID="{5678E6CA-9979-4445-9FCA-C4B29BB91553}" presName="spaceBetweenRectangles" presStyleCnt="0"/>
      <dgm:spPr/>
    </dgm:pt>
    <dgm:pt modelId="{3B9EE7A9-01F1-4E2C-870A-5115D55C6980}" type="pres">
      <dgm:prSet presAssocID="{88FAF29F-4E41-431F-9E64-60FCE34ACC0A}" presName="parentLin" presStyleCnt="0"/>
      <dgm:spPr/>
    </dgm:pt>
    <dgm:pt modelId="{EA82E1EF-109F-41D2-BAF4-93F8B47B71C3}" type="pres">
      <dgm:prSet presAssocID="{88FAF29F-4E41-431F-9E64-60FCE34ACC0A}" presName="parentLeftMargin" presStyleLbl="node1" presStyleIdx="3" presStyleCnt="6"/>
      <dgm:spPr/>
      <dgm:t>
        <a:bodyPr/>
        <a:lstStyle/>
        <a:p>
          <a:endParaRPr lang="en-ZA"/>
        </a:p>
      </dgm:t>
    </dgm:pt>
    <dgm:pt modelId="{B973DF11-BBE9-4386-9369-F61B22345DBA}" type="pres">
      <dgm:prSet presAssocID="{88FAF29F-4E41-431F-9E64-60FCE34ACC0A}" presName="parentText" presStyleLbl="node1" presStyleIdx="4" presStyleCnt="6">
        <dgm:presLayoutVars>
          <dgm:chMax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8828A363-0433-4E6D-A018-18BDE1DC0E1D}" type="pres">
      <dgm:prSet presAssocID="{88FAF29F-4E41-431F-9E64-60FCE34ACC0A}" presName="negativeSpace" presStyleCnt="0"/>
      <dgm:spPr/>
    </dgm:pt>
    <dgm:pt modelId="{0491ECE4-CC77-4287-A284-9755938A122D}" type="pres">
      <dgm:prSet presAssocID="{88FAF29F-4E41-431F-9E64-60FCE34ACC0A}" presName="childText" presStyleLbl="conFgAcc1" presStyleIdx="4" presStyleCnt="6">
        <dgm:presLayoutVars>
          <dgm:bulletEnabled val="1"/>
        </dgm:presLayoutVars>
      </dgm:prSet>
      <dgm:spPr/>
    </dgm:pt>
    <dgm:pt modelId="{9BF0F73E-FDDF-4928-B225-017C35A2C289}" type="pres">
      <dgm:prSet presAssocID="{E1619C1A-DDB2-49C2-B663-94217CF8D839}" presName="spaceBetweenRectangles" presStyleCnt="0"/>
      <dgm:spPr/>
    </dgm:pt>
    <dgm:pt modelId="{2DF5DF6B-0B26-4CAF-A30E-0E4EA4586BFD}" type="pres">
      <dgm:prSet presAssocID="{BE1BA7B8-A633-4EFB-B90B-1386896DFE05}" presName="parentLin" presStyleCnt="0"/>
      <dgm:spPr/>
    </dgm:pt>
    <dgm:pt modelId="{BB121A2C-B58C-4E09-9FBF-1A261A0667FA}" type="pres">
      <dgm:prSet presAssocID="{BE1BA7B8-A633-4EFB-B90B-1386896DFE05}" presName="parentLeftMargin" presStyleLbl="node1" presStyleIdx="4" presStyleCnt="6"/>
      <dgm:spPr/>
      <dgm:t>
        <a:bodyPr/>
        <a:lstStyle/>
        <a:p>
          <a:endParaRPr lang="en-ZA"/>
        </a:p>
      </dgm:t>
    </dgm:pt>
    <dgm:pt modelId="{FA6C2075-78C3-43DA-9334-80D99FB72CE6}" type="pres">
      <dgm:prSet presAssocID="{BE1BA7B8-A633-4EFB-B90B-1386896DFE05}" presName="parentText" presStyleLbl="node1" presStyleIdx="5" presStyleCnt="6">
        <dgm:presLayoutVars>
          <dgm:chMax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E27B0897-99A5-4940-920D-B2D2A5ECFF65}" type="pres">
      <dgm:prSet presAssocID="{BE1BA7B8-A633-4EFB-B90B-1386896DFE05}" presName="negativeSpace" presStyleCnt="0"/>
      <dgm:spPr/>
    </dgm:pt>
    <dgm:pt modelId="{8871A91A-D26F-47FE-B53C-1D162B84AF1A}" type="pres">
      <dgm:prSet presAssocID="{BE1BA7B8-A633-4EFB-B90B-1386896DFE05}" presName="childText" presStyleLbl="conFgAcc1" presStyleIdx="5" presStyleCnt="6">
        <dgm:presLayoutVars>
          <dgm:bulletEnabled val="1"/>
        </dgm:presLayoutVars>
      </dgm:prSet>
      <dgm:spPr/>
    </dgm:pt>
  </dgm:ptLst>
  <dgm:cxnLst>
    <dgm:cxn modelId="{3424C761-8B0B-4208-BB5A-CCE67F922F43}" type="presOf" srcId="{4739E533-5F48-4A3F-AA62-FB1C59E19989}" destId="{06AF9ED1-CB33-4FC5-8848-2ED60A01B023}" srcOrd="1" destOrd="0" presId="urn:microsoft.com/office/officeart/2005/8/layout/list1"/>
    <dgm:cxn modelId="{DECFAF9D-FE41-4B72-8597-AE0861F611CE}" srcId="{21546875-C0D2-46F5-8EA5-E5B2DF5AB8AB}" destId="{BE1BA7B8-A633-4EFB-B90B-1386896DFE05}" srcOrd="5" destOrd="0" parTransId="{2ACD07F1-40D9-4624-8E07-95BEB64A8AD7}" sibTransId="{D5A5F3B0-491F-4005-8959-F0513B355855}"/>
    <dgm:cxn modelId="{605B0F40-BE91-49DF-9B94-30FF40A4054E}" srcId="{21546875-C0D2-46F5-8EA5-E5B2DF5AB8AB}" destId="{0E855E3B-F4E9-4086-B1D4-9CFA264A5F90}" srcOrd="2" destOrd="0" parTransId="{C36A8846-85F1-4724-BB3F-9D77404EE49A}" sibTransId="{C2B79E62-81CF-4559-915E-29FBB39E00B2}"/>
    <dgm:cxn modelId="{5ECD8D68-94EB-4D8E-8C85-BC790943241B}" type="presOf" srcId="{C18E6CE3-180A-4EBF-AC92-77196FEBBC55}" destId="{9404614C-B3E2-4BD3-88DE-F05C4B42107D}" srcOrd="1" destOrd="0" presId="urn:microsoft.com/office/officeart/2005/8/layout/list1"/>
    <dgm:cxn modelId="{DF66337B-2EB3-4951-A7D2-BFD4A3D0E362}" type="presOf" srcId="{BE1BA7B8-A633-4EFB-B90B-1386896DFE05}" destId="{FA6C2075-78C3-43DA-9334-80D99FB72CE6}" srcOrd="1" destOrd="0" presId="urn:microsoft.com/office/officeart/2005/8/layout/list1"/>
    <dgm:cxn modelId="{DBB5910A-BE3D-40BF-9EFD-C2699FEC2878}" type="presOf" srcId="{0E855E3B-F4E9-4086-B1D4-9CFA264A5F90}" destId="{D059EC6C-173B-44BF-8F63-3C1CBBD6EA4D}" srcOrd="0" destOrd="0" presId="urn:microsoft.com/office/officeart/2005/8/layout/list1"/>
    <dgm:cxn modelId="{5143FEEC-023D-4544-9B3B-621708964633}" type="presOf" srcId="{88FAF29F-4E41-431F-9E64-60FCE34ACC0A}" destId="{B973DF11-BBE9-4386-9369-F61B22345DBA}" srcOrd="1" destOrd="0" presId="urn:microsoft.com/office/officeart/2005/8/layout/list1"/>
    <dgm:cxn modelId="{12C018B0-61B5-4B8F-B23B-C102C29654FB}" type="presOf" srcId="{F554C1B8-3D2E-4151-8536-946534DEC9E7}" destId="{6727C3DE-96B9-4961-9B99-D885A2ADD117}" srcOrd="0" destOrd="0" presId="urn:microsoft.com/office/officeart/2005/8/layout/list1"/>
    <dgm:cxn modelId="{937FEAAE-4C0C-4057-9882-16B779B2ED57}" type="presOf" srcId="{21546875-C0D2-46F5-8EA5-E5B2DF5AB8AB}" destId="{C56CD3CF-4632-43FB-A2B4-14C5B4981F67}" srcOrd="0" destOrd="0" presId="urn:microsoft.com/office/officeart/2005/8/layout/list1"/>
    <dgm:cxn modelId="{59D38FA4-3C9D-433D-92C9-61D2641158F5}" type="presOf" srcId="{0E855E3B-F4E9-4086-B1D4-9CFA264A5F90}" destId="{B1DE35D4-9FDA-49EE-962C-EEDA44A57DF3}" srcOrd="1" destOrd="0" presId="urn:microsoft.com/office/officeart/2005/8/layout/list1"/>
    <dgm:cxn modelId="{889E3A3E-AF17-415E-AF6F-2D1BD834E7D8}" type="presOf" srcId="{BE1BA7B8-A633-4EFB-B90B-1386896DFE05}" destId="{BB121A2C-B58C-4E09-9FBF-1A261A0667FA}" srcOrd="0" destOrd="0" presId="urn:microsoft.com/office/officeart/2005/8/layout/list1"/>
    <dgm:cxn modelId="{25FD2F57-3B1E-4E2C-B800-F8572D2EF421}" srcId="{21546875-C0D2-46F5-8EA5-E5B2DF5AB8AB}" destId="{4739E533-5F48-4A3F-AA62-FB1C59E19989}" srcOrd="1" destOrd="0" parTransId="{F03DFEA8-608B-4F3A-B1B1-90B19200397E}" sibTransId="{C37905BA-7A6A-435D-B54D-DB20F7BC7456}"/>
    <dgm:cxn modelId="{8EB19835-5B51-4ECB-9BB4-72B0B384EFF0}" type="presOf" srcId="{88FAF29F-4E41-431F-9E64-60FCE34ACC0A}" destId="{EA82E1EF-109F-41D2-BAF4-93F8B47B71C3}" srcOrd="0" destOrd="0" presId="urn:microsoft.com/office/officeart/2005/8/layout/list1"/>
    <dgm:cxn modelId="{0D4ED6D6-37F0-4E59-B314-FD08D3A20903}" srcId="{21546875-C0D2-46F5-8EA5-E5B2DF5AB8AB}" destId="{F554C1B8-3D2E-4151-8536-946534DEC9E7}" srcOrd="3" destOrd="0" parTransId="{BDFAD30F-7203-4455-9D93-B3BCFC38AA1F}" sibTransId="{5678E6CA-9979-4445-9FCA-C4B29BB91553}"/>
    <dgm:cxn modelId="{A3C20492-7FCC-44B9-BD2E-E7110937AE70}" srcId="{21546875-C0D2-46F5-8EA5-E5B2DF5AB8AB}" destId="{C18E6CE3-180A-4EBF-AC92-77196FEBBC55}" srcOrd="0" destOrd="0" parTransId="{D8AA6B19-C902-46EF-BEBA-8301EB325ED1}" sibTransId="{C9ED110F-72BB-44C4-B665-E0D94A405593}"/>
    <dgm:cxn modelId="{3F2FFB65-4483-416C-95F8-A6CF669EDC75}" type="presOf" srcId="{C18E6CE3-180A-4EBF-AC92-77196FEBBC55}" destId="{11F7702F-4F75-4CF7-A711-F0CE0FDDDD2B}" srcOrd="0" destOrd="0" presId="urn:microsoft.com/office/officeart/2005/8/layout/list1"/>
    <dgm:cxn modelId="{D38C8A2C-E51C-4414-BD7E-4135EF18101B}" type="presOf" srcId="{4739E533-5F48-4A3F-AA62-FB1C59E19989}" destId="{360E1F31-3C90-4E5D-9920-E3E631739CB1}" srcOrd="0" destOrd="0" presId="urn:microsoft.com/office/officeart/2005/8/layout/list1"/>
    <dgm:cxn modelId="{ACB9C182-1283-44A0-A24D-CEBBF8181A17}" srcId="{21546875-C0D2-46F5-8EA5-E5B2DF5AB8AB}" destId="{88FAF29F-4E41-431F-9E64-60FCE34ACC0A}" srcOrd="4" destOrd="0" parTransId="{D90D813B-595B-4E72-B658-2E4D80F4091D}" sibTransId="{E1619C1A-DDB2-49C2-B663-94217CF8D839}"/>
    <dgm:cxn modelId="{A073EE2A-28A6-40E2-9BA0-05CA1E2BAB0A}" type="presOf" srcId="{F554C1B8-3D2E-4151-8536-946534DEC9E7}" destId="{23EC5EC6-0C57-46D5-BDAC-F5FD7594AED3}" srcOrd="1" destOrd="0" presId="urn:microsoft.com/office/officeart/2005/8/layout/list1"/>
    <dgm:cxn modelId="{47DED41A-A4F4-44A2-87DE-01D86F4CBA4C}" type="presParOf" srcId="{C56CD3CF-4632-43FB-A2B4-14C5B4981F67}" destId="{412EA1C7-8DC7-482B-9FFA-C6436B19A55C}" srcOrd="0" destOrd="0" presId="urn:microsoft.com/office/officeart/2005/8/layout/list1"/>
    <dgm:cxn modelId="{37A47849-C9BB-436A-AD2D-55D94AF542AF}" type="presParOf" srcId="{412EA1C7-8DC7-482B-9FFA-C6436B19A55C}" destId="{11F7702F-4F75-4CF7-A711-F0CE0FDDDD2B}" srcOrd="0" destOrd="0" presId="urn:microsoft.com/office/officeart/2005/8/layout/list1"/>
    <dgm:cxn modelId="{570C07DB-D6C8-417D-AD14-574A17AA5C82}" type="presParOf" srcId="{412EA1C7-8DC7-482B-9FFA-C6436B19A55C}" destId="{9404614C-B3E2-4BD3-88DE-F05C4B42107D}" srcOrd="1" destOrd="0" presId="urn:microsoft.com/office/officeart/2005/8/layout/list1"/>
    <dgm:cxn modelId="{A1F44ED1-1A13-42D1-875D-750C996E74D5}" type="presParOf" srcId="{C56CD3CF-4632-43FB-A2B4-14C5B4981F67}" destId="{35EBE1F7-97F7-4234-A2B6-30808362DC0C}" srcOrd="1" destOrd="0" presId="urn:microsoft.com/office/officeart/2005/8/layout/list1"/>
    <dgm:cxn modelId="{9C67BF70-B9A5-4B2B-8086-F1672AD2B4A0}" type="presParOf" srcId="{C56CD3CF-4632-43FB-A2B4-14C5B4981F67}" destId="{B9601203-9835-4BD2-8B32-9740DDFE2999}" srcOrd="2" destOrd="0" presId="urn:microsoft.com/office/officeart/2005/8/layout/list1"/>
    <dgm:cxn modelId="{AEF214E4-87D3-40F3-A3EB-D6C30C80B027}" type="presParOf" srcId="{C56CD3CF-4632-43FB-A2B4-14C5B4981F67}" destId="{E9F8A39E-65D0-4EFA-8503-A4B270AF51EC}" srcOrd="3" destOrd="0" presId="urn:microsoft.com/office/officeart/2005/8/layout/list1"/>
    <dgm:cxn modelId="{D1F9CF99-C049-49A4-B3CC-73E37E204A5D}" type="presParOf" srcId="{C56CD3CF-4632-43FB-A2B4-14C5B4981F67}" destId="{B8E10F28-309A-4738-B41A-D88EC21F2CF6}" srcOrd="4" destOrd="0" presId="urn:microsoft.com/office/officeart/2005/8/layout/list1"/>
    <dgm:cxn modelId="{1EF7498D-160C-4509-9BAF-80EB1E951F48}" type="presParOf" srcId="{B8E10F28-309A-4738-B41A-D88EC21F2CF6}" destId="{360E1F31-3C90-4E5D-9920-E3E631739CB1}" srcOrd="0" destOrd="0" presId="urn:microsoft.com/office/officeart/2005/8/layout/list1"/>
    <dgm:cxn modelId="{51E2248F-9EE8-4503-A906-9C2B0BEA80EA}" type="presParOf" srcId="{B8E10F28-309A-4738-B41A-D88EC21F2CF6}" destId="{06AF9ED1-CB33-4FC5-8848-2ED60A01B023}" srcOrd="1" destOrd="0" presId="urn:microsoft.com/office/officeart/2005/8/layout/list1"/>
    <dgm:cxn modelId="{FC70C537-716B-40DB-9C4C-B8E75CF9ADBE}" type="presParOf" srcId="{C56CD3CF-4632-43FB-A2B4-14C5B4981F67}" destId="{E922EFB0-5EC3-46CC-BF7F-0730E9ADF319}" srcOrd="5" destOrd="0" presId="urn:microsoft.com/office/officeart/2005/8/layout/list1"/>
    <dgm:cxn modelId="{B8054F21-3488-442B-ACF0-182C34BFDB16}" type="presParOf" srcId="{C56CD3CF-4632-43FB-A2B4-14C5B4981F67}" destId="{09394488-B3CA-4C34-B039-CB1E0CDE6652}" srcOrd="6" destOrd="0" presId="urn:microsoft.com/office/officeart/2005/8/layout/list1"/>
    <dgm:cxn modelId="{16759CF7-F729-45D2-AB32-3F500A81091F}" type="presParOf" srcId="{C56CD3CF-4632-43FB-A2B4-14C5B4981F67}" destId="{F7EE5D56-7E7C-43F6-B6E9-26B9D508FCA4}" srcOrd="7" destOrd="0" presId="urn:microsoft.com/office/officeart/2005/8/layout/list1"/>
    <dgm:cxn modelId="{283BD2B6-D513-4742-998E-9B0034C1E536}" type="presParOf" srcId="{C56CD3CF-4632-43FB-A2B4-14C5B4981F67}" destId="{7EA97EBB-FB7C-4B31-944A-9F85C075569C}" srcOrd="8" destOrd="0" presId="urn:microsoft.com/office/officeart/2005/8/layout/list1"/>
    <dgm:cxn modelId="{7C0D4508-9574-4084-B73D-026204AF9D31}" type="presParOf" srcId="{7EA97EBB-FB7C-4B31-944A-9F85C075569C}" destId="{D059EC6C-173B-44BF-8F63-3C1CBBD6EA4D}" srcOrd="0" destOrd="0" presId="urn:microsoft.com/office/officeart/2005/8/layout/list1"/>
    <dgm:cxn modelId="{978182F9-EF76-4096-86B0-539DF70B9129}" type="presParOf" srcId="{7EA97EBB-FB7C-4B31-944A-9F85C075569C}" destId="{B1DE35D4-9FDA-49EE-962C-EEDA44A57DF3}" srcOrd="1" destOrd="0" presId="urn:microsoft.com/office/officeart/2005/8/layout/list1"/>
    <dgm:cxn modelId="{1A854370-B1F8-48C8-95DD-16D583C0AC61}" type="presParOf" srcId="{C56CD3CF-4632-43FB-A2B4-14C5B4981F67}" destId="{F45EA5F7-664A-4F97-AB8B-ED8EC94E02BB}" srcOrd="9" destOrd="0" presId="urn:microsoft.com/office/officeart/2005/8/layout/list1"/>
    <dgm:cxn modelId="{DACF59D6-2E58-4410-B928-ED5F7BC9EAEE}" type="presParOf" srcId="{C56CD3CF-4632-43FB-A2B4-14C5B4981F67}" destId="{4F7CA317-7B46-421E-AF15-E876446FB188}" srcOrd="10" destOrd="0" presId="urn:microsoft.com/office/officeart/2005/8/layout/list1"/>
    <dgm:cxn modelId="{B6C94AF3-888A-4F5A-8168-2E25554D0D30}" type="presParOf" srcId="{C56CD3CF-4632-43FB-A2B4-14C5B4981F67}" destId="{90E6BE08-3928-44DC-BBFC-27B910678AFF}" srcOrd="11" destOrd="0" presId="urn:microsoft.com/office/officeart/2005/8/layout/list1"/>
    <dgm:cxn modelId="{A8A5AB61-8A09-4047-BA9F-DF851366D9A3}" type="presParOf" srcId="{C56CD3CF-4632-43FB-A2B4-14C5B4981F67}" destId="{F32AC93E-C28D-4084-83A5-F7F6154C466A}" srcOrd="12" destOrd="0" presId="urn:microsoft.com/office/officeart/2005/8/layout/list1"/>
    <dgm:cxn modelId="{9E7F1D2E-31FD-48CC-B39B-25C7EEAC24ED}" type="presParOf" srcId="{F32AC93E-C28D-4084-83A5-F7F6154C466A}" destId="{6727C3DE-96B9-4961-9B99-D885A2ADD117}" srcOrd="0" destOrd="0" presId="urn:microsoft.com/office/officeart/2005/8/layout/list1"/>
    <dgm:cxn modelId="{993AE029-0962-45D2-BDB6-5163B0E144F4}" type="presParOf" srcId="{F32AC93E-C28D-4084-83A5-F7F6154C466A}" destId="{23EC5EC6-0C57-46D5-BDAC-F5FD7594AED3}" srcOrd="1" destOrd="0" presId="urn:microsoft.com/office/officeart/2005/8/layout/list1"/>
    <dgm:cxn modelId="{96D956A0-ABD1-471A-BD4E-90469260C3D7}" type="presParOf" srcId="{C56CD3CF-4632-43FB-A2B4-14C5B4981F67}" destId="{2318D14E-760A-4273-845A-C9DC5F31BCCF}" srcOrd="13" destOrd="0" presId="urn:microsoft.com/office/officeart/2005/8/layout/list1"/>
    <dgm:cxn modelId="{CFCD6094-848A-4351-BBCE-554BEFB5566E}" type="presParOf" srcId="{C56CD3CF-4632-43FB-A2B4-14C5B4981F67}" destId="{3BCB0179-C94C-40C2-ABD1-3EBF37800AAA}" srcOrd="14" destOrd="0" presId="urn:microsoft.com/office/officeart/2005/8/layout/list1"/>
    <dgm:cxn modelId="{93174840-0363-4006-9CAD-71691EC6B809}" type="presParOf" srcId="{C56CD3CF-4632-43FB-A2B4-14C5B4981F67}" destId="{0CC66067-2B5A-40B4-9373-46075A499443}" srcOrd="15" destOrd="0" presId="urn:microsoft.com/office/officeart/2005/8/layout/list1"/>
    <dgm:cxn modelId="{ADB48B43-725F-4F64-921C-BE059F56BC21}" type="presParOf" srcId="{C56CD3CF-4632-43FB-A2B4-14C5B4981F67}" destId="{3B9EE7A9-01F1-4E2C-870A-5115D55C6980}" srcOrd="16" destOrd="0" presId="urn:microsoft.com/office/officeart/2005/8/layout/list1"/>
    <dgm:cxn modelId="{0B86E8A9-4A49-4E4F-9B42-A92AC685C28A}" type="presParOf" srcId="{3B9EE7A9-01F1-4E2C-870A-5115D55C6980}" destId="{EA82E1EF-109F-41D2-BAF4-93F8B47B71C3}" srcOrd="0" destOrd="0" presId="urn:microsoft.com/office/officeart/2005/8/layout/list1"/>
    <dgm:cxn modelId="{BFC245A8-AC52-4CBF-B393-9FEB422B4EB4}" type="presParOf" srcId="{3B9EE7A9-01F1-4E2C-870A-5115D55C6980}" destId="{B973DF11-BBE9-4386-9369-F61B22345DBA}" srcOrd="1" destOrd="0" presId="urn:microsoft.com/office/officeart/2005/8/layout/list1"/>
    <dgm:cxn modelId="{46DFA378-B2D0-40E5-B177-E1E32F51AA54}" type="presParOf" srcId="{C56CD3CF-4632-43FB-A2B4-14C5B4981F67}" destId="{8828A363-0433-4E6D-A018-18BDE1DC0E1D}" srcOrd="17" destOrd="0" presId="urn:microsoft.com/office/officeart/2005/8/layout/list1"/>
    <dgm:cxn modelId="{732C9196-FA29-44A5-87DB-6133A3848460}" type="presParOf" srcId="{C56CD3CF-4632-43FB-A2B4-14C5B4981F67}" destId="{0491ECE4-CC77-4287-A284-9755938A122D}" srcOrd="18" destOrd="0" presId="urn:microsoft.com/office/officeart/2005/8/layout/list1"/>
    <dgm:cxn modelId="{484F9961-4CCD-4829-8C45-8C93F55AF4EC}" type="presParOf" srcId="{C56CD3CF-4632-43FB-A2B4-14C5B4981F67}" destId="{9BF0F73E-FDDF-4928-B225-017C35A2C289}" srcOrd="19" destOrd="0" presId="urn:microsoft.com/office/officeart/2005/8/layout/list1"/>
    <dgm:cxn modelId="{6BAA6A95-D8D7-4376-B0F7-AC264B5265B9}" type="presParOf" srcId="{C56CD3CF-4632-43FB-A2B4-14C5B4981F67}" destId="{2DF5DF6B-0B26-4CAF-A30E-0E4EA4586BFD}" srcOrd="20" destOrd="0" presId="urn:microsoft.com/office/officeart/2005/8/layout/list1"/>
    <dgm:cxn modelId="{DB79774F-58AD-4382-B4B2-4EEBC5BAEE8F}" type="presParOf" srcId="{2DF5DF6B-0B26-4CAF-A30E-0E4EA4586BFD}" destId="{BB121A2C-B58C-4E09-9FBF-1A261A0667FA}" srcOrd="0" destOrd="0" presId="urn:microsoft.com/office/officeart/2005/8/layout/list1"/>
    <dgm:cxn modelId="{3E84B4AF-53E3-4649-AB2A-B7D601170F7E}" type="presParOf" srcId="{2DF5DF6B-0B26-4CAF-A30E-0E4EA4586BFD}" destId="{FA6C2075-78C3-43DA-9334-80D99FB72CE6}" srcOrd="1" destOrd="0" presId="urn:microsoft.com/office/officeart/2005/8/layout/list1"/>
    <dgm:cxn modelId="{AC499038-12ED-4057-B965-E45FDDD1319F}" type="presParOf" srcId="{C56CD3CF-4632-43FB-A2B4-14C5B4981F67}" destId="{E27B0897-99A5-4940-920D-B2D2A5ECFF65}" srcOrd="21" destOrd="0" presId="urn:microsoft.com/office/officeart/2005/8/layout/list1"/>
    <dgm:cxn modelId="{D07D2F42-5922-4650-97E9-ECC3EB8C1435}" type="presParOf" srcId="{C56CD3CF-4632-43FB-A2B4-14C5B4981F67}" destId="{8871A91A-D26F-47FE-B53C-1D162B84AF1A}" srcOrd="22" destOrd="0" presId="urn:microsoft.com/office/officeart/2005/8/layout/list1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21546875-C0D2-46F5-8EA5-E5B2DF5AB8AB}" type="doc">
      <dgm:prSet loTypeId="urn:microsoft.com/office/officeart/2005/8/layout/list1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18E6CE3-180A-4EBF-AC92-77196FEBBC55}">
      <dgm:prSet phldrT="[Text]" custT="1"/>
      <dgm:spPr/>
      <dgm:t>
        <a:bodyPr/>
        <a:lstStyle/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ESTABLISH WORKSTREAMS FOR MSTTT:</a:t>
          </a:r>
        </a:p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POLICY AND LEGISLATIVE REVIEW</a:t>
          </a:r>
        </a:p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LEGAL</a:t>
          </a:r>
        </a:p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HUMAN RESOURCES</a:t>
          </a:r>
        </a:p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OPERATIONS</a:t>
          </a:r>
          <a:endParaRPr lang="en-ZA" sz="1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8AA6B19-C902-46EF-BEBA-8301EB325ED1}" type="parTrans" cxnId="{A3C20492-7FCC-44B9-BD2E-E7110937AE70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9ED110F-72BB-44C4-B665-E0D94A405593}" type="sibTrans" cxnId="{A3C20492-7FCC-44B9-BD2E-E7110937AE70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4739E533-5F48-4A3F-AA62-FB1C59E19989}">
      <dgm:prSet phldrT="[Text]" custT="1"/>
      <dgm:spPr/>
      <dgm:t>
        <a:bodyPr/>
        <a:lstStyle/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MSTTT DRAFT ANNUAL PERFORMANCE PLAN</a:t>
          </a:r>
        </a:p>
      </dgm:t>
    </dgm:pt>
    <dgm:pt modelId="{F03DFEA8-608B-4F3A-B1B1-90B19200397E}" type="parTrans" cxnId="{25FD2F57-3B1E-4E2C-B800-F8572D2EF421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37905BA-7A6A-435D-B54D-DB20F7BC7456}" type="sibTrans" cxnId="{25FD2F57-3B1E-4E2C-B800-F8572D2EF421}">
      <dgm:prSet/>
      <dgm:spPr/>
      <dgm:t>
        <a:bodyPr/>
        <a:lstStyle/>
        <a:p>
          <a:endParaRPr lang="en-ZA" sz="1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D51AFF6-B26B-49AD-B36F-B31E5F9C1A7C}">
      <dgm:prSet phldrT="[Text]" custT="1"/>
      <dgm:spPr/>
      <dgm:t>
        <a:bodyPr/>
        <a:lstStyle/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ANEL OF EXPERTS:</a:t>
          </a:r>
        </a:p>
        <a:p>
          <a:r>
            <a:rPr lang="en-ZA" sz="1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FINAL REPORT TO BE PRESENTED TO MSTTT IN NOVEMBER 2017 FOR INCORPORATION AND IMPLEMENTATION </a:t>
          </a:r>
        </a:p>
      </dgm:t>
    </dgm:pt>
    <dgm:pt modelId="{3D668398-791C-482D-B1E1-C7CC607B3C85}" type="parTrans" cxnId="{31746ED8-2551-4B82-98EA-DC2461FC4B54}">
      <dgm:prSet/>
      <dgm:spPr/>
      <dgm:t>
        <a:bodyPr/>
        <a:lstStyle/>
        <a:p>
          <a:endParaRPr lang="en-ZA"/>
        </a:p>
      </dgm:t>
    </dgm:pt>
    <dgm:pt modelId="{975694AF-D004-475E-B6CB-7D25AB1A1EE1}" type="sibTrans" cxnId="{31746ED8-2551-4B82-98EA-DC2461FC4B54}">
      <dgm:prSet/>
      <dgm:spPr/>
      <dgm:t>
        <a:bodyPr/>
        <a:lstStyle/>
        <a:p>
          <a:endParaRPr lang="en-ZA"/>
        </a:p>
      </dgm:t>
    </dgm:pt>
    <dgm:pt modelId="{C56CD3CF-4632-43FB-A2B4-14C5B4981F67}" type="pres">
      <dgm:prSet presAssocID="{21546875-C0D2-46F5-8EA5-E5B2DF5AB8AB}" presName="linear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n-ZA"/>
        </a:p>
      </dgm:t>
    </dgm:pt>
    <dgm:pt modelId="{412EA1C7-8DC7-482B-9FFA-C6436B19A55C}" type="pres">
      <dgm:prSet presAssocID="{C18E6CE3-180A-4EBF-AC92-77196FEBBC55}" presName="parentLin" presStyleCnt="0"/>
      <dgm:spPr/>
    </dgm:pt>
    <dgm:pt modelId="{11F7702F-4F75-4CF7-A711-F0CE0FDDDD2B}" type="pres">
      <dgm:prSet presAssocID="{C18E6CE3-180A-4EBF-AC92-77196FEBBC55}" presName="parentLeftMargin" presStyleLbl="node1" presStyleIdx="0" presStyleCnt="3"/>
      <dgm:spPr/>
      <dgm:t>
        <a:bodyPr/>
        <a:lstStyle/>
        <a:p>
          <a:endParaRPr lang="en-ZA"/>
        </a:p>
      </dgm:t>
    </dgm:pt>
    <dgm:pt modelId="{9404614C-B3E2-4BD3-88DE-F05C4B42107D}" type="pres">
      <dgm:prSet presAssocID="{C18E6CE3-180A-4EBF-AC92-77196FEBBC55}" presName="parentText" presStyleLbl="node1" presStyleIdx="0" presStyleCnt="3" custScaleY="143878">
        <dgm:presLayoutVars>
          <dgm:chMax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35EBE1F7-97F7-4234-A2B6-30808362DC0C}" type="pres">
      <dgm:prSet presAssocID="{C18E6CE3-180A-4EBF-AC92-77196FEBBC55}" presName="negativeSpace" presStyleCnt="0"/>
      <dgm:spPr/>
    </dgm:pt>
    <dgm:pt modelId="{B9601203-9835-4BD2-8B32-9740DDFE2999}" type="pres">
      <dgm:prSet presAssocID="{C18E6CE3-180A-4EBF-AC92-77196FEBBC55}" presName="childText" presStyleLbl="conFgAcc1" presStyleIdx="0" presStyleCnt="3">
        <dgm:presLayoutVars>
          <dgm:bulletEnabled val="1"/>
        </dgm:presLayoutVars>
      </dgm:prSet>
      <dgm:spPr/>
    </dgm:pt>
    <dgm:pt modelId="{E9F8A39E-65D0-4EFA-8503-A4B270AF51EC}" type="pres">
      <dgm:prSet presAssocID="{C9ED110F-72BB-44C4-B665-E0D94A405593}" presName="spaceBetweenRectangles" presStyleCnt="0"/>
      <dgm:spPr/>
    </dgm:pt>
    <dgm:pt modelId="{B8E10F28-309A-4738-B41A-D88EC21F2CF6}" type="pres">
      <dgm:prSet presAssocID="{4739E533-5F48-4A3F-AA62-FB1C59E19989}" presName="parentLin" presStyleCnt="0"/>
      <dgm:spPr/>
    </dgm:pt>
    <dgm:pt modelId="{360E1F31-3C90-4E5D-9920-E3E631739CB1}" type="pres">
      <dgm:prSet presAssocID="{4739E533-5F48-4A3F-AA62-FB1C59E19989}" presName="parentLeftMargin" presStyleLbl="node1" presStyleIdx="0" presStyleCnt="3"/>
      <dgm:spPr/>
      <dgm:t>
        <a:bodyPr/>
        <a:lstStyle/>
        <a:p>
          <a:endParaRPr lang="en-ZA"/>
        </a:p>
      </dgm:t>
    </dgm:pt>
    <dgm:pt modelId="{06AF9ED1-CB33-4FC5-8848-2ED60A01B023}" type="pres">
      <dgm:prSet presAssocID="{4739E533-5F48-4A3F-AA62-FB1C59E19989}" presName="parentText" presStyleLbl="node1" presStyleIdx="1" presStyleCnt="3">
        <dgm:presLayoutVars>
          <dgm:chMax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E922EFB0-5EC3-46CC-BF7F-0730E9ADF319}" type="pres">
      <dgm:prSet presAssocID="{4739E533-5F48-4A3F-AA62-FB1C59E19989}" presName="negativeSpace" presStyleCnt="0"/>
      <dgm:spPr/>
    </dgm:pt>
    <dgm:pt modelId="{09394488-B3CA-4C34-B039-CB1E0CDE6652}" type="pres">
      <dgm:prSet presAssocID="{4739E533-5F48-4A3F-AA62-FB1C59E19989}" presName="childText" presStyleLbl="conFgAcc1" presStyleIdx="1" presStyleCnt="3">
        <dgm:presLayoutVars>
          <dgm:bulletEnabled val="1"/>
        </dgm:presLayoutVars>
      </dgm:prSet>
      <dgm:spPr/>
    </dgm:pt>
    <dgm:pt modelId="{F7EE5D56-7E7C-43F6-B6E9-26B9D508FCA4}" type="pres">
      <dgm:prSet presAssocID="{C37905BA-7A6A-435D-B54D-DB20F7BC7456}" presName="spaceBetweenRectangles" presStyleCnt="0"/>
      <dgm:spPr/>
    </dgm:pt>
    <dgm:pt modelId="{5A804C31-9D4D-47A2-8ADB-D0EA0F2EE6D2}" type="pres">
      <dgm:prSet presAssocID="{DD51AFF6-B26B-49AD-B36F-B31E5F9C1A7C}" presName="parentLin" presStyleCnt="0"/>
      <dgm:spPr/>
    </dgm:pt>
    <dgm:pt modelId="{E0CF56AB-41A9-4665-91E0-3BD6A4C08487}" type="pres">
      <dgm:prSet presAssocID="{DD51AFF6-B26B-49AD-B36F-B31E5F9C1A7C}" presName="parentLeftMargin" presStyleLbl="node1" presStyleIdx="1" presStyleCnt="3"/>
      <dgm:spPr/>
      <dgm:t>
        <a:bodyPr/>
        <a:lstStyle/>
        <a:p>
          <a:endParaRPr lang="en-ZA"/>
        </a:p>
      </dgm:t>
    </dgm:pt>
    <dgm:pt modelId="{AF852EFF-8F57-4273-87C4-F941CB9BF9CE}" type="pres">
      <dgm:prSet presAssocID="{DD51AFF6-B26B-49AD-B36F-B31E5F9C1A7C}" presName="parentText" presStyleLbl="node1" presStyleIdx="2" presStyleCnt="3">
        <dgm:presLayoutVars>
          <dgm:chMax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C7D0C872-9063-4D45-807C-4AF7C07B8345}" type="pres">
      <dgm:prSet presAssocID="{DD51AFF6-B26B-49AD-B36F-B31E5F9C1A7C}" presName="negativeSpace" presStyleCnt="0"/>
      <dgm:spPr/>
    </dgm:pt>
    <dgm:pt modelId="{347F9B79-779B-45CD-834D-816274C25C61}" type="pres">
      <dgm:prSet presAssocID="{DD51AFF6-B26B-49AD-B36F-B31E5F9C1A7C}" presName="childText" presStyleLbl="conFgAcc1" presStyleIdx="2" presStyleCnt="3">
        <dgm:presLayoutVars>
          <dgm:bulletEnabled val="1"/>
        </dgm:presLayoutVars>
      </dgm:prSet>
      <dgm:spPr/>
    </dgm:pt>
  </dgm:ptLst>
  <dgm:cxnLst>
    <dgm:cxn modelId="{0B6C5444-1A8A-408D-AB02-2B79826BE2D1}" type="presOf" srcId="{21546875-C0D2-46F5-8EA5-E5B2DF5AB8AB}" destId="{C56CD3CF-4632-43FB-A2B4-14C5B4981F67}" srcOrd="0" destOrd="0" presId="urn:microsoft.com/office/officeart/2005/8/layout/list1"/>
    <dgm:cxn modelId="{A3C20492-7FCC-44B9-BD2E-E7110937AE70}" srcId="{21546875-C0D2-46F5-8EA5-E5B2DF5AB8AB}" destId="{C18E6CE3-180A-4EBF-AC92-77196FEBBC55}" srcOrd="0" destOrd="0" parTransId="{D8AA6B19-C902-46EF-BEBA-8301EB325ED1}" sibTransId="{C9ED110F-72BB-44C4-B665-E0D94A405593}"/>
    <dgm:cxn modelId="{BEB674F9-021E-415E-850C-3295E89F87DC}" type="presOf" srcId="{DD51AFF6-B26B-49AD-B36F-B31E5F9C1A7C}" destId="{E0CF56AB-41A9-4665-91E0-3BD6A4C08487}" srcOrd="0" destOrd="0" presId="urn:microsoft.com/office/officeart/2005/8/layout/list1"/>
    <dgm:cxn modelId="{25FD2F57-3B1E-4E2C-B800-F8572D2EF421}" srcId="{21546875-C0D2-46F5-8EA5-E5B2DF5AB8AB}" destId="{4739E533-5F48-4A3F-AA62-FB1C59E19989}" srcOrd="1" destOrd="0" parTransId="{F03DFEA8-608B-4F3A-B1B1-90B19200397E}" sibTransId="{C37905BA-7A6A-435D-B54D-DB20F7BC7456}"/>
    <dgm:cxn modelId="{ECAF06BB-E522-47F6-A833-3127369C6370}" type="presOf" srcId="{4739E533-5F48-4A3F-AA62-FB1C59E19989}" destId="{360E1F31-3C90-4E5D-9920-E3E631739CB1}" srcOrd="0" destOrd="0" presId="urn:microsoft.com/office/officeart/2005/8/layout/list1"/>
    <dgm:cxn modelId="{995E1439-449C-47F5-AE82-177A6CB90EF1}" type="presOf" srcId="{C18E6CE3-180A-4EBF-AC92-77196FEBBC55}" destId="{11F7702F-4F75-4CF7-A711-F0CE0FDDDD2B}" srcOrd="0" destOrd="0" presId="urn:microsoft.com/office/officeart/2005/8/layout/list1"/>
    <dgm:cxn modelId="{FCFFD434-E9C4-4D0F-A625-93772E49338E}" type="presOf" srcId="{DD51AFF6-B26B-49AD-B36F-B31E5F9C1A7C}" destId="{AF852EFF-8F57-4273-87C4-F941CB9BF9CE}" srcOrd="1" destOrd="0" presId="urn:microsoft.com/office/officeart/2005/8/layout/list1"/>
    <dgm:cxn modelId="{9A33EEE2-60D0-47A9-8348-1B57325DE9D9}" type="presOf" srcId="{C18E6CE3-180A-4EBF-AC92-77196FEBBC55}" destId="{9404614C-B3E2-4BD3-88DE-F05C4B42107D}" srcOrd="1" destOrd="0" presId="urn:microsoft.com/office/officeart/2005/8/layout/list1"/>
    <dgm:cxn modelId="{31746ED8-2551-4B82-98EA-DC2461FC4B54}" srcId="{21546875-C0D2-46F5-8EA5-E5B2DF5AB8AB}" destId="{DD51AFF6-B26B-49AD-B36F-B31E5F9C1A7C}" srcOrd="2" destOrd="0" parTransId="{3D668398-791C-482D-B1E1-C7CC607B3C85}" sibTransId="{975694AF-D004-475E-B6CB-7D25AB1A1EE1}"/>
    <dgm:cxn modelId="{DE8A1327-C884-46FF-8628-D3E5FD06CBF1}" type="presOf" srcId="{4739E533-5F48-4A3F-AA62-FB1C59E19989}" destId="{06AF9ED1-CB33-4FC5-8848-2ED60A01B023}" srcOrd="1" destOrd="0" presId="urn:microsoft.com/office/officeart/2005/8/layout/list1"/>
    <dgm:cxn modelId="{FADF29C8-85E7-4011-96A4-EA7D44A9928B}" type="presParOf" srcId="{C56CD3CF-4632-43FB-A2B4-14C5B4981F67}" destId="{412EA1C7-8DC7-482B-9FFA-C6436B19A55C}" srcOrd="0" destOrd="0" presId="urn:microsoft.com/office/officeart/2005/8/layout/list1"/>
    <dgm:cxn modelId="{BED2B4EC-F2B2-4F65-A342-AB7D4BB7D032}" type="presParOf" srcId="{412EA1C7-8DC7-482B-9FFA-C6436B19A55C}" destId="{11F7702F-4F75-4CF7-A711-F0CE0FDDDD2B}" srcOrd="0" destOrd="0" presId="urn:microsoft.com/office/officeart/2005/8/layout/list1"/>
    <dgm:cxn modelId="{584EA126-03DB-48D8-8108-1079B84519E4}" type="presParOf" srcId="{412EA1C7-8DC7-482B-9FFA-C6436B19A55C}" destId="{9404614C-B3E2-4BD3-88DE-F05C4B42107D}" srcOrd="1" destOrd="0" presId="urn:microsoft.com/office/officeart/2005/8/layout/list1"/>
    <dgm:cxn modelId="{BAF657B5-961D-472E-8A78-20F5A0266843}" type="presParOf" srcId="{C56CD3CF-4632-43FB-A2B4-14C5B4981F67}" destId="{35EBE1F7-97F7-4234-A2B6-30808362DC0C}" srcOrd="1" destOrd="0" presId="urn:microsoft.com/office/officeart/2005/8/layout/list1"/>
    <dgm:cxn modelId="{0818F47A-2404-4CC5-AE91-6053ABAB4C3E}" type="presParOf" srcId="{C56CD3CF-4632-43FB-A2B4-14C5B4981F67}" destId="{B9601203-9835-4BD2-8B32-9740DDFE2999}" srcOrd="2" destOrd="0" presId="urn:microsoft.com/office/officeart/2005/8/layout/list1"/>
    <dgm:cxn modelId="{AB409504-73F1-49D5-9768-29FD06C3BF3B}" type="presParOf" srcId="{C56CD3CF-4632-43FB-A2B4-14C5B4981F67}" destId="{E9F8A39E-65D0-4EFA-8503-A4B270AF51EC}" srcOrd="3" destOrd="0" presId="urn:microsoft.com/office/officeart/2005/8/layout/list1"/>
    <dgm:cxn modelId="{BB9E72CC-5641-40CB-8BCB-07F30AD89442}" type="presParOf" srcId="{C56CD3CF-4632-43FB-A2B4-14C5B4981F67}" destId="{B8E10F28-309A-4738-B41A-D88EC21F2CF6}" srcOrd="4" destOrd="0" presId="urn:microsoft.com/office/officeart/2005/8/layout/list1"/>
    <dgm:cxn modelId="{4CDE4449-83C0-4CC1-AA3D-4008F87CC8AB}" type="presParOf" srcId="{B8E10F28-309A-4738-B41A-D88EC21F2CF6}" destId="{360E1F31-3C90-4E5D-9920-E3E631739CB1}" srcOrd="0" destOrd="0" presId="urn:microsoft.com/office/officeart/2005/8/layout/list1"/>
    <dgm:cxn modelId="{A49F69BD-0D61-42CB-A422-A2D1032F6B6E}" type="presParOf" srcId="{B8E10F28-309A-4738-B41A-D88EC21F2CF6}" destId="{06AF9ED1-CB33-4FC5-8848-2ED60A01B023}" srcOrd="1" destOrd="0" presId="urn:microsoft.com/office/officeart/2005/8/layout/list1"/>
    <dgm:cxn modelId="{654767FE-B1FA-4747-92B1-AF20C6A82D73}" type="presParOf" srcId="{C56CD3CF-4632-43FB-A2B4-14C5B4981F67}" destId="{E922EFB0-5EC3-46CC-BF7F-0730E9ADF319}" srcOrd="5" destOrd="0" presId="urn:microsoft.com/office/officeart/2005/8/layout/list1"/>
    <dgm:cxn modelId="{FBB2296B-AC84-4B54-B0C2-C1B3E52EA8FC}" type="presParOf" srcId="{C56CD3CF-4632-43FB-A2B4-14C5B4981F67}" destId="{09394488-B3CA-4C34-B039-CB1E0CDE6652}" srcOrd="6" destOrd="0" presId="urn:microsoft.com/office/officeart/2005/8/layout/list1"/>
    <dgm:cxn modelId="{2F4E95BB-2247-4F99-8209-60B6E649D19E}" type="presParOf" srcId="{C56CD3CF-4632-43FB-A2B4-14C5B4981F67}" destId="{F7EE5D56-7E7C-43F6-B6E9-26B9D508FCA4}" srcOrd="7" destOrd="0" presId="urn:microsoft.com/office/officeart/2005/8/layout/list1"/>
    <dgm:cxn modelId="{F88D26D4-0E68-4684-B074-C57E2176C0AE}" type="presParOf" srcId="{C56CD3CF-4632-43FB-A2B4-14C5B4981F67}" destId="{5A804C31-9D4D-47A2-8ADB-D0EA0F2EE6D2}" srcOrd="8" destOrd="0" presId="urn:microsoft.com/office/officeart/2005/8/layout/list1"/>
    <dgm:cxn modelId="{A94A9437-61E0-4CFA-BE19-E91BA62F9761}" type="presParOf" srcId="{5A804C31-9D4D-47A2-8ADB-D0EA0F2EE6D2}" destId="{E0CF56AB-41A9-4665-91E0-3BD6A4C08487}" srcOrd="0" destOrd="0" presId="urn:microsoft.com/office/officeart/2005/8/layout/list1"/>
    <dgm:cxn modelId="{3DC18B29-FC3D-4AE6-9B33-E1E93E82266D}" type="presParOf" srcId="{5A804C31-9D4D-47A2-8ADB-D0EA0F2EE6D2}" destId="{AF852EFF-8F57-4273-87C4-F941CB9BF9CE}" srcOrd="1" destOrd="0" presId="urn:microsoft.com/office/officeart/2005/8/layout/list1"/>
    <dgm:cxn modelId="{1D498C3C-B1E5-4BEA-A311-F32224E69F4B}" type="presParOf" srcId="{C56CD3CF-4632-43FB-A2B4-14C5B4981F67}" destId="{C7D0C872-9063-4D45-807C-4AF7C07B8345}" srcOrd="9" destOrd="0" presId="urn:microsoft.com/office/officeart/2005/8/layout/list1"/>
    <dgm:cxn modelId="{0B05E1D4-D6C3-4B26-A3EF-EC818F598ED0}" type="presParOf" srcId="{C56CD3CF-4632-43FB-A2B4-14C5B4981F67}" destId="{347F9B79-779B-45CD-834D-816274C25C61}" srcOrd="10" destOrd="0" presId="urn:microsoft.com/office/officeart/2005/8/layout/list1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4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search Paper – State of policing in South Africa (including method of policing since 1995)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ment of Competency Assessment Tool to establish quality and character of police members 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f the SAPS Recruitment to Retirement Strategy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DF7F19E-C8E1-4C75-BF84-511277DE712F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ssess the alignment of the SAPS Performance Management Framework with DPSA and Treasury Guidelines</a:t>
          </a:r>
        </a:p>
      </dgm:t>
    </dgm:pt>
    <dgm:pt modelId="{74265D30-36AC-4785-BD9E-3F89E63439DF}" type="parTrans" cxnId="{F0C20830-E1F2-4635-BF93-9685D803AC0D}">
      <dgm:prSet/>
      <dgm:spPr/>
      <dgm:t>
        <a:bodyPr/>
        <a:lstStyle/>
        <a:p>
          <a:endParaRPr lang="en-ZA"/>
        </a:p>
      </dgm:t>
    </dgm:pt>
    <dgm:pt modelId="{11425375-B225-40FE-BEB7-6427315159E5}" type="sibTrans" cxnId="{F0C20830-E1F2-4635-BF93-9685D803AC0D}">
      <dgm:prSet/>
      <dgm:spPr/>
      <dgm:t>
        <a:bodyPr/>
        <a:lstStyle/>
        <a:p>
          <a:endParaRPr lang="en-ZA"/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5" custScaleX="192929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4" custLinFactX="-284879" custLinFactNeighborX="-300000" custLinFactNeighborY="-10249"/>
      <dgm:spPr/>
    </dgm:pt>
    <dgm:pt modelId="{26204E24-09CE-41F4-AE4D-FA345A17C5F8}" type="pres">
      <dgm:prSet presAssocID="{D5883F9B-95A3-465E-8C8B-9591D3B2D275}" presName="Child" presStyleLbl="revTx" presStyleIdx="1" presStyleCnt="5" custScaleX="178747" custLinFactNeighborX="-1427" custLinFactNeighborY="-7329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4" custLinFactX="-200000" custLinFactNeighborX="-279007" custLinFactNeighborY="-37583"/>
      <dgm:spPr/>
    </dgm:pt>
    <dgm:pt modelId="{570FBC9A-AB6F-4C18-9884-060CA4074485}" type="pres">
      <dgm:prSet presAssocID="{873A2A23-2FA9-4116-8D94-D08C37B0B87A}" presName="Child" presStyleLbl="revTx" presStyleIdx="2" presStyleCnt="5" custScaleX="195473" custLinFactNeighborX="14469" custLinFactNeighborY="-199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4" custLinFactX="-230911" custLinFactNeighborX="-300000" custLinFactNeighborY="-41000"/>
      <dgm:spPr/>
    </dgm:pt>
    <dgm:pt modelId="{5650FF15-284A-46EA-A33F-708376F74A9F}" type="pres">
      <dgm:prSet presAssocID="{FF5737B6-AF52-4E59-B435-DA3FD196B381}" presName="Child" presStyleLbl="revTx" presStyleIdx="3" presStyleCnt="5" custScaleX="187273" custLinFactNeighborX="6399" custLinFactNeighborY="-14558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75CA7816-1998-4192-930C-1FB1275FFB88}" type="pres">
      <dgm:prSet presAssocID="{CDF7F19E-C8E1-4C75-BF84-511277DE712F}" presName="childComposite" presStyleCnt="0">
        <dgm:presLayoutVars>
          <dgm:chMax val="0"/>
          <dgm:chPref val="0"/>
        </dgm:presLayoutVars>
      </dgm:prSet>
      <dgm:spPr/>
    </dgm:pt>
    <dgm:pt modelId="{35A30143-39F6-4E96-816B-61A883FEC5C5}" type="pres">
      <dgm:prSet presAssocID="{CDF7F19E-C8E1-4C75-BF84-511277DE712F}" presName="ChildAccent" presStyleLbl="solidFgAcc1" presStyleIdx="3" presStyleCnt="4" custLinFactX="-200000" custLinFactNeighborX="-291501" custLinFactNeighborY="-56774"/>
      <dgm:spPr/>
    </dgm:pt>
    <dgm:pt modelId="{7987EAE1-0162-4DD9-A7E3-EAB46F4A5925}" type="pres">
      <dgm:prSet presAssocID="{CDF7F19E-C8E1-4C75-BF84-511277DE712F}" presName="Child" presStyleLbl="revTx" presStyleIdx="4" presStyleCnt="5" custScaleX="193303" custLinFactNeighborX="11567" custLinFactNeighborY="-1054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2F43E167-7E21-4677-ADC6-4D586F355147}" type="presOf" srcId="{CDF7F19E-C8E1-4C75-BF84-511277DE712F}" destId="{7987EAE1-0162-4DD9-A7E3-EAB46F4A5925}" srcOrd="0" destOrd="0" presId="urn:microsoft.com/office/officeart/2008/layout/SquareAccentList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66114067-6DDC-4031-85E6-C54B2E55B80A}" type="presOf" srcId="{873A2A23-2FA9-4116-8D94-D08C37B0B87A}" destId="{570FBC9A-AB6F-4C18-9884-060CA4074485}" srcOrd="0" destOrd="0" presId="urn:microsoft.com/office/officeart/2008/layout/SquareAccentList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E62C6805-0D81-42D0-AC2F-CAF061F8B543}" type="presOf" srcId="{D5883F9B-95A3-465E-8C8B-9591D3B2D275}" destId="{26204E24-09CE-41F4-AE4D-FA345A17C5F8}" srcOrd="0" destOrd="0" presId="urn:microsoft.com/office/officeart/2008/layout/SquareAccentList"/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0810A53A-305D-427A-B155-68BEE8034BDC}" type="presOf" srcId="{55317CB4-F70F-4461-9259-4592675AE6D9}" destId="{13A775D7-9587-493E-B488-A6BB52AB22EE}" srcOrd="0" destOrd="0" presId="urn:microsoft.com/office/officeart/2008/layout/SquareAccentList"/>
    <dgm:cxn modelId="{8A7A484D-060B-4FC2-AE11-55CF447E7958}" type="presOf" srcId="{C947D739-67E6-4838-B20C-BA5C2924D47C}" destId="{B7061B8B-1383-421A-99AC-526CF7C9BE74}" srcOrd="0" destOrd="0" presId="urn:microsoft.com/office/officeart/2008/layout/SquareAccentList"/>
    <dgm:cxn modelId="{F58409FC-26D4-4994-BBB9-2C36F67E220A}" type="presOf" srcId="{FF5737B6-AF52-4E59-B435-DA3FD196B381}" destId="{5650FF15-284A-46EA-A33F-708376F74A9F}" srcOrd="0" destOrd="0" presId="urn:microsoft.com/office/officeart/2008/layout/SquareAccentList"/>
    <dgm:cxn modelId="{F0C20830-E1F2-4635-BF93-9685D803AC0D}" srcId="{C947D739-67E6-4838-B20C-BA5C2924D47C}" destId="{CDF7F19E-C8E1-4C75-BF84-511277DE712F}" srcOrd="3" destOrd="0" parTransId="{74265D30-36AC-4785-BD9E-3F89E63439DF}" sibTransId="{11425375-B225-40FE-BEB7-6427315159E5}"/>
    <dgm:cxn modelId="{14A327CD-8AA0-4F33-ACEA-42E4B8A0456D}" type="presParOf" srcId="{13A775D7-9587-493E-B488-A6BB52AB22EE}" destId="{759E421C-B559-48A7-AD3B-D0E4BA41EF5C}" srcOrd="0" destOrd="0" presId="urn:microsoft.com/office/officeart/2008/layout/SquareAccentList"/>
    <dgm:cxn modelId="{A454CBC1-4A50-4597-B51A-71F95798E45C}" type="presParOf" srcId="{759E421C-B559-48A7-AD3B-D0E4BA41EF5C}" destId="{632A0B21-E009-43B4-A9CD-1D08954EA7E6}" srcOrd="0" destOrd="0" presId="urn:microsoft.com/office/officeart/2008/layout/SquareAccentList"/>
    <dgm:cxn modelId="{D733EFF2-F712-4A2E-A711-840C965C7764}" type="presParOf" srcId="{632A0B21-E009-43B4-A9CD-1D08954EA7E6}" destId="{38EF8B21-1A33-4ED0-A352-DBB8CB5B1B48}" srcOrd="0" destOrd="0" presId="urn:microsoft.com/office/officeart/2008/layout/SquareAccentList"/>
    <dgm:cxn modelId="{BB961328-BE81-4B9D-A5C3-84625036F5F6}" type="presParOf" srcId="{632A0B21-E009-43B4-A9CD-1D08954EA7E6}" destId="{975893C4-4C55-4D8C-A5D3-7AFAB07FE582}" srcOrd="1" destOrd="0" presId="urn:microsoft.com/office/officeart/2008/layout/SquareAccentList"/>
    <dgm:cxn modelId="{7E1E37FC-8557-4595-B660-3465A7699D55}" type="presParOf" srcId="{632A0B21-E009-43B4-A9CD-1D08954EA7E6}" destId="{B7061B8B-1383-421A-99AC-526CF7C9BE74}" srcOrd="2" destOrd="0" presId="urn:microsoft.com/office/officeart/2008/layout/SquareAccentList"/>
    <dgm:cxn modelId="{C64A758C-4C31-4251-B78E-1FEEC82F59A5}" type="presParOf" srcId="{759E421C-B559-48A7-AD3B-D0E4BA41EF5C}" destId="{1AD12CF2-DFD5-477C-868F-27071C0A50B2}" srcOrd="1" destOrd="0" presId="urn:microsoft.com/office/officeart/2008/layout/SquareAccentList"/>
    <dgm:cxn modelId="{8E2C7EF0-20CB-46C5-8DAC-0EAF25FDA570}" type="presParOf" srcId="{1AD12CF2-DFD5-477C-868F-27071C0A50B2}" destId="{61DE4505-2C2D-4CCC-9571-D700E0B9F389}" srcOrd="0" destOrd="0" presId="urn:microsoft.com/office/officeart/2008/layout/SquareAccentList"/>
    <dgm:cxn modelId="{D9A0DD3B-C165-4EF6-8D07-33B07AAD94E3}" type="presParOf" srcId="{61DE4505-2C2D-4CCC-9571-D700E0B9F389}" destId="{709C632C-F821-46C8-8EFA-4A2B0F2CFC43}" srcOrd="0" destOrd="0" presId="urn:microsoft.com/office/officeart/2008/layout/SquareAccentList"/>
    <dgm:cxn modelId="{8F926EBC-1964-4C48-9612-9EE18D530D89}" type="presParOf" srcId="{61DE4505-2C2D-4CCC-9571-D700E0B9F389}" destId="{26204E24-09CE-41F4-AE4D-FA345A17C5F8}" srcOrd="1" destOrd="0" presId="urn:microsoft.com/office/officeart/2008/layout/SquareAccentList"/>
    <dgm:cxn modelId="{DA6CDDE1-20BC-40A9-A0C1-2A24E592672A}" type="presParOf" srcId="{1AD12CF2-DFD5-477C-868F-27071C0A50B2}" destId="{94E21E9D-F49F-416C-89C0-6F05C87D7A34}" srcOrd="1" destOrd="0" presId="urn:microsoft.com/office/officeart/2008/layout/SquareAccentList"/>
    <dgm:cxn modelId="{6E3FC07D-EA12-405B-A0FE-FC817B6DCA90}" type="presParOf" srcId="{94E21E9D-F49F-416C-89C0-6F05C87D7A34}" destId="{E88F848A-B10F-44C4-92B6-351DD043D122}" srcOrd="0" destOrd="0" presId="urn:microsoft.com/office/officeart/2008/layout/SquareAccentList"/>
    <dgm:cxn modelId="{34625302-982A-46A5-9B05-A4418A133903}" type="presParOf" srcId="{94E21E9D-F49F-416C-89C0-6F05C87D7A34}" destId="{570FBC9A-AB6F-4C18-9884-060CA4074485}" srcOrd="1" destOrd="0" presId="urn:microsoft.com/office/officeart/2008/layout/SquareAccentList"/>
    <dgm:cxn modelId="{6177C08A-D893-4965-A54F-0D5A514330CE}" type="presParOf" srcId="{1AD12CF2-DFD5-477C-868F-27071C0A50B2}" destId="{BBB95A08-67CD-4F89-A113-E9EAF92D2C81}" srcOrd="2" destOrd="0" presId="urn:microsoft.com/office/officeart/2008/layout/SquareAccentList"/>
    <dgm:cxn modelId="{6886F1E0-25E6-4361-85A3-A7DF080591BB}" type="presParOf" srcId="{BBB95A08-67CD-4F89-A113-E9EAF92D2C81}" destId="{6D2DFDF3-54AF-4794-938D-C0636BFA1288}" srcOrd="0" destOrd="0" presId="urn:microsoft.com/office/officeart/2008/layout/SquareAccentList"/>
    <dgm:cxn modelId="{134A1BD6-11A2-44D5-AE3D-FFE9D1FC44E4}" type="presParOf" srcId="{BBB95A08-67CD-4F89-A113-E9EAF92D2C81}" destId="{5650FF15-284A-46EA-A33F-708376F74A9F}" srcOrd="1" destOrd="0" presId="urn:microsoft.com/office/officeart/2008/layout/SquareAccentList"/>
    <dgm:cxn modelId="{58B425A5-4BEC-4981-AF8D-1ACDB9C6C43D}" type="presParOf" srcId="{1AD12CF2-DFD5-477C-868F-27071C0A50B2}" destId="{75CA7816-1998-4192-930C-1FB1275FFB88}" srcOrd="3" destOrd="0" presId="urn:microsoft.com/office/officeart/2008/layout/SquareAccentList"/>
    <dgm:cxn modelId="{CDEDBE41-61C8-4C90-A876-BF7135FBACA6}" type="presParOf" srcId="{75CA7816-1998-4192-930C-1FB1275FFB88}" destId="{35A30143-39F6-4E96-816B-61A883FEC5C5}" srcOrd="0" destOrd="0" presId="urn:microsoft.com/office/officeart/2008/layout/SquareAccentList"/>
    <dgm:cxn modelId="{FE209261-69C3-45F3-ADCC-378627DEA661}" type="presParOf" srcId="{75CA7816-1998-4192-930C-1FB1275FFB88}" destId="{7987EAE1-0162-4DD9-A7E3-EAB46F4A5925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6" minVer="http://schemas.openxmlformats.org/drawingml/2006/diagram"/>
    </a:ext>
  </dgm:extLst>
</dgm:dataModel>
</file>

<file path=ppt/diagrams/data5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search Paper – SAPS Training and Development (Global Best Practice)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ssessment of training facilities, equipment and infrastructure – </a:t>
          </a:r>
          <a:r>
            <a:rPr lang="en-ZA" sz="2200" dirty="0" err="1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Marikana</a:t>
          </a:r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/ </a:t>
          </a:r>
          <a:r>
            <a:rPr lang="en-ZA" sz="2200" dirty="0" err="1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Farlam</a:t>
          </a:r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Commission Recommendations 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hange Management - Develop a Conceptual Framework that facilitates adherence to Oath of Office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DF7F19E-C8E1-4C75-BF84-511277DE712F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 a strategy on the implementation of the Oath of Office and Code of Conduct</a:t>
          </a:r>
        </a:p>
      </dgm:t>
    </dgm:pt>
    <dgm:pt modelId="{74265D30-36AC-4785-BD9E-3F89E63439DF}" type="parTrans" cxnId="{F0C20830-E1F2-4635-BF93-9685D803AC0D}">
      <dgm:prSet/>
      <dgm:spPr/>
      <dgm:t>
        <a:bodyPr/>
        <a:lstStyle/>
        <a:p>
          <a:endParaRPr lang="en-ZA"/>
        </a:p>
      </dgm:t>
    </dgm:pt>
    <dgm:pt modelId="{11425375-B225-40FE-BEB7-6427315159E5}" type="sibTrans" cxnId="{F0C20830-E1F2-4635-BF93-9685D803AC0D}">
      <dgm:prSet/>
      <dgm:spPr/>
      <dgm:t>
        <a:bodyPr/>
        <a:lstStyle/>
        <a:p>
          <a:endParaRPr lang="en-ZA"/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5" custScaleX="192929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4" custLinFactX="-284879" custLinFactNeighborX="-300000" custLinFactNeighborY="-10249"/>
      <dgm:spPr/>
    </dgm:pt>
    <dgm:pt modelId="{26204E24-09CE-41F4-AE4D-FA345A17C5F8}" type="pres">
      <dgm:prSet presAssocID="{D5883F9B-95A3-465E-8C8B-9591D3B2D275}" presName="Child" presStyleLbl="revTx" presStyleIdx="1" presStyleCnt="5" custScaleX="178747" custLinFactNeighborX="-2218" custLinFactNeighborY="-7329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4" custLinFactX="-200000" custLinFactNeighborX="-279007" custLinFactNeighborY="-37583"/>
      <dgm:spPr/>
    </dgm:pt>
    <dgm:pt modelId="{570FBC9A-AB6F-4C18-9884-060CA4074485}" type="pres">
      <dgm:prSet presAssocID="{873A2A23-2FA9-4116-8D94-D08C37B0B87A}" presName="Child" presStyleLbl="revTx" presStyleIdx="2" presStyleCnt="5" custScaleX="195473" custLinFactNeighborX="14469" custLinFactNeighborY="-1452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4" custLinFactX="-230911" custLinFactNeighborX="-300000" custLinFactNeighborY="-41000"/>
      <dgm:spPr/>
    </dgm:pt>
    <dgm:pt modelId="{5650FF15-284A-46EA-A33F-708376F74A9F}" type="pres">
      <dgm:prSet presAssocID="{FF5737B6-AF52-4E59-B435-DA3FD196B381}" presName="Child" presStyleLbl="revTx" presStyleIdx="3" presStyleCnt="5" custScaleX="187273" custLinFactNeighborX="5871" custLinFactNeighborY="-739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75CA7816-1998-4192-930C-1FB1275FFB88}" type="pres">
      <dgm:prSet presAssocID="{CDF7F19E-C8E1-4C75-BF84-511277DE712F}" presName="childComposite" presStyleCnt="0">
        <dgm:presLayoutVars>
          <dgm:chMax val="0"/>
          <dgm:chPref val="0"/>
        </dgm:presLayoutVars>
      </dgm:prSet>
      <dgm:spPr/>
    </dgm:pt>
    <dgm:pt modelId="{35A30143-39F6-4E96-816B-61A883FEC5C5}" type="pres">
      <dgm:prSet presAssocID="{CDF7F19E-C8E1-4C75-BF84-511277DE712F}" presName="ChildAccent" presStyleLbl="solidFgAcc1" presStyleIdx="3" presStyleCnt="4" custLinFactX="-200000" custLinFactNeighborX="-291501" custLinFactNeighborY="-56774"/>
      <dgm:spPr/>
    </dgm:pt>
    <dgm:pt modelId="{7987EAE1-0162-4DD9-A7E3-EAB46F4A5925}" type="pres">
      <dgm:prSet presAssocID="{CDF7F19E-C8E1-4C75-BF84-511277DE712F}" presName="Child" presStyleLbl="revTx" presStyleIdx="4" presStyleCnt="5" custScaleX="193303" custLinFactNeighborX="11567" custLinFactNeighborY="-1054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EA4A8C07-2E7E-46D4-93E1-00D8006D4C3C}" type="presOf" srcId="{FF5737B6-AF52-4E59-B435-DA3FD196B381}" destId="{5650FF15-284A-46EA-A33F-708376F74A9F}" srcOrd="0" destOrd="0" presId="urn:microsoft.com/office/officeart/2008/layout/SquareAccentList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9617BC4C-EB69-497C-9849-D0F15A195170}" type="presOf" srcId="{CDF7F19E-C8E1-4C75-BF84-511277DE712F}" destId="{7987EAE1-0162-4DD9-A7E3-EAB46F4A5925}" srcOrd="0" destOrd="0" presId="urn:microsoft.com/office/officeart/2008/layout/SquareAccentList"/>
    <dgm:cxn modelId="{FE665BB0-BCD9-4DC2-ABA5-0191263C8803}" type="presOf" srcId="{D5883F9B-95A3-465E-8C8B-9591D3B2D275}" destId="{26204E24-09CE-41F4-AE4D-FA345A17C5F8}" srcOrd="0" destOrd="0" presId="urn:microsoft.com/office/officeart/2008/layout/SquareAccentList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16C83322-AD81-44DA-9D71-B4C29F5A28EB}" type="presOf" srcId="{55317CB4-F70F-4461-9259-4592675AE6D9}" destId="{13A775D7-9587-493E-B488-A6BB52AB22EE}" srcOrd="0" destOrd="0" presId="urn:microsoft.com/office/officeart/2008/layout/SquareAccentList"/>
    <dgm:cxn modelId="{794747A5-4988-4791-953C-4D947179DAE1}" type="presOf" srcId="{C947D739-67E6-4838-B20C-BA5C2924D47C}" destId="{B7061B8B-1383-421A-99AC-526CF7C9BE74}" srcOrd="0" destOrd="0" presId="urn:microsoft.com/office/officeart/2008/layout/SquareAccentList"/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5CACA3EC-0686-4D4C-996E-82B60BBEDBF4}" type="presOf" srcId="{873A2A23-2FA9-4116-8D94-D08C37B0B87A}" destId="{570FBC9A-AB6F-4C18-9884-060CA4074485}" srcOrd="0" destOrd="0" presId="urn:microsoft.com/office/officeart/2008/layout/SquareAccentList"/>
    <dgm:cxn modelId="{F0C20830-E1F2-4635-BF93-9685D803AC0D}" srcId="{C947D739-67E6-4838-B20C-BA5C2924D47C}" destId="{CDF7F19E-C8E1-4C75-BF84-511277DE712F}" srcOrd="3" destOrd="0" parTransId="{74265D30-36AC-4785-BD9E-3F89E63439DF}" sibTransId="{11425375-B225-40FE-BEB7-6427315159E5}"/>
    <dgm:cxn modelId="{E22AC476-2C7A-4B41-9A3E-50C42C832946}" type="presParOf" srcId="{13A775D7-9587-493E-B488-A6BB52AB22EE}" destId="{759E421C-B559-48A7-AD3B-D0E4BA41EF5C}" srcOrd="0" destOrd="0" presId="urn:microsoft.com/office/officeart/2008/layout/SquareAccentList"/>
    <dgm:cxn modelId="{96180A23-67C5-4854-96C1-25E2AE93D809}" type="presParOf" srcId="{759E421C-B559-48A7-AD3B-D0E4BA41EF5C}" destId="{632A0B21-E009-43B4-A9CD-1D08954EA7E6}" srcOrd="0" destOrd="0" presId="urn:microsoft.com/office/officeart/2008/layout/SquareAccentList"/>
    <dgm:cxn modelId="{97392BD4-9C2A-41F0-BC6E-F1D2C46942A5}" type="presParOf" srcId="{632A0B21-E009-43B4-A9CD-1D08954EA7E6}" destId="{38EF8B21-1A33-4ED0-A352-DBB8CB5B1B48}" srcOrd="0" destOrd="0" presId="urn:microsoft.com/office/officeart/2008/layout/SquareAccentList"/>
    <dgm:cxn modelId="{B1CD51F2-5D58-4B87-B7DE-86F56DDDBE23}" type="presParOf" srcId="{632A0B21-E009-43B4-A9CD-1D08954EA7E6}" destId="{975893C4-4C55-4D8C-A5D3-7AFAB07FE582}" srcOrd="1" destOrd="0" presId="urn:microsoft.com/office/officeart/2008/layout/SquareAccentList"/>
    <dgm:cxn modelId="{6E8DFA8A-0E3C-48DD-9CFB-43A2B4A6049A}" type="presParOf" srcId="{632A0B21-E009-43B4-A9CD-1D08954EA7E6}" destId="{B7061B8B-1383-421A-99AC-526CF7C9BE74}" srcOrd="2" destOrd="0" presId="urn:microsoft.com/office/officeart/2008/layout/SquareAccentList"/>
    <dgm:cxn modelId="{5A7C99EE-E3B2-460B-8516-AF5227BDF511}" type="presParOf" srcId="{759E421C-B559-48A7-AD3B-D0E4BA41EF5C}" destId="{1AD12CF2-DFD5-477C-868F-27071C0A50B2}" srcOrd="1" destOrd="0" presId="urn:microsoft.com/office/officeart/2008/layout/SquareAccentList"/>
    <dgm:cxn modelId="{63C7372B-4374-4345-8618-DE3F9FECE92C}" type="presParOf" srcId="{1AD12CF2-DFD5-477C-868F-27071C0A50B2}" destId="{61DE4505-2C2D-4CCC-9571-D700E0B9F389}" srcOrd="0" destOrd="0" presId="urn:microsoft.com/office/officeart/2008/layout/SquareAccentList"/>
    <dgm:cxn modelId="{8234B541-8652-45A8-8A87-F6ED822DDF05}" type="presParOf" srcId="{61DE4505-2C2D-4CCC-9571-D700E0B9F389}" destId="{709C632C-F821-46C8-8EFA-4A2B0F2CFC43}" srcOrd="0" destOrd="0" presId="urn:microsoft.com/office/officeart/2008/layout/SquareAccentList"/>
    <dgm:cxn modelId="{9356F7AF-F74A-4993-84CC-25CEED18DEAD}" type="presParOf" srcId="{61DE4505-2C2D-4CCC-9571-D700E0B9F389}" destId="{26204E24-09CE-41F4-AE4D-FA345A17C5F8}" srcOrd="1" destOrd="0" presId="urn:microsoft.com/office/officeart/2008/layout/SquareAccentList"/>
    <dgm:cxn modelId="{655A718C-4AF6-47E9-821D-F41DF8B69498}" type="presParOf" srcId="{1AD12CF2-DFD5-477C-868F-27071C0A50B2}" destId="{94E21E9D-F49F-416C-89C0-6F05C87D7A34}" srcOrd="1" destOrd="0" presId="urn:microsoft.com/office/officeart/2008/layout/SquareAccentList"/>
    <dgm:cxn modelId="{D083F94D-7272-4151-9D8A-5C2CB8B6C440}" type="presParOf" srcId="{94E21E9D-F49F-416C-89C0-6F05C87D7A34}" destId="{E88F848A-B10F-44C4-92B6-351DD043D122}" srcOrd="0" destOrd="0" presId="urn:microsoft.com/office/officeart/2008/layout/SquareAccentList"/>
    <dgm:cxn modelId="{B63D2966-0B21-4828-AD89-D977BD6A3FC7}" type="presParOf" srcId="{94E21E9D-F49F-416C-89C0-6F05C87D7A34}" destId="{570FBC9A-AB6F-4C18-9884-060CA4074485}" srcOrd="1" destOrd="0" presId="urn:microsoft.com/office/officeart/2008/layout/SquareAccentList"/>
    <dgm:cxn modelId="{8F210CB0-CCB2-48E4-B926-49B68221E866}" type="presParOf" srcId="{1AD12CF2-DFD5-477C-868F-27071C0A50B2}" destId="{BBB95A08-67CD-4F89-A113-E9EAF92D2C81}" srcOrd="2" destOrd="0" presId="urn:microsoft.com/office/officeart/2008/layout/SquareAccentList"/>
    <dgm:cxn modelId="{877DE820-DA99-486E-A8E0-23B0D810EE94}" type="presParOf" srcId="{BBB95A08-67CD-4F89-A113-E9EAF92D2C81}" destId="{6D2DFDF3-54AF-4794-938D-C0636BFA1288}" srcOrd="0" destOrd="0" presId="urn:microsoft.com/office/officeart/2008/layout/SquareAccentList"/>
    <dgm:cxn modelId="{75666695-86D6-4513-88B3-FA18A1726143}" type="presParOf" srcId="{BBB95A08-67CD-4F89-A113-E9EAF92D2C81}" destId="{5650FF15-284A-46EA-A33F-708376F74A9F}" srcOrd="1" destOrd="0" presId="urn:microsoft.com/office/officeart/2008/layout/SquareAccentList"/>
    <dgm:cxn modelId="{2F771DA9-D6DB-42FC-82C0-171B0E9BFE1A}" type="presParOf" srcId="{1AD12CF2-DFD5-477C-868F-27071C0A50B2}" destId="{75CA7816-1998-4192-930C-1FB1275FFB88}" srcOrd="3" destOrd="0" presId="urn:microsoft.com/office/officeart/2008/layout/SquareAccentList"/>
    <dgm:cxn modelId="{7DD56BA4-2314-4E2E-80EF-9E1ED8FB9F12}" type="presParOf" srcId="{75CA7816-1998-4192-930C-1FB1275FFB88}" destId="{35A30143-39F6-4E96-816B-61A883FEC5C5}" srcOrd="0" destOrd="0" presId="urn:microsoft.com/office/officeart/2008/layout/SquareAccentList"/>
    <dgm:cxn modelId="{5E7D8EA8-63D2-4091-B6D6-4E6D162832D1}" type="presParOf" srcId="{75CA7816-1998-4192-930C-1FB1275FFB88}" destId="{7987EAE1-0162-4DD9-A7E3-EAB46F4A5925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6" minVer="http://schemas.openxmlformats.org/drawingml/2006/diagram"/>
    </a:ext>
  </dgm:extLst>
</dgm:dataModel>
</file>

<file path=ppt/diagrams/data6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ment of National Policing Policy in terms of Section 206 of the South African Constitution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lign transformation of the SAPS to 8 dimensions of transformation of the Public Service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f minimum standards required for entering the SAPS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DF7F19E-C8E1-4C75-BF84-511277DE712F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f existing Technology Management Systems for effective policing</a:t>
          </a:r>
        </a:p>
      </dgm:t>
    </dgm:pt>
    <dgm:pt modelId="{74265D30-36AC-4785-BD9E-3F89E63439DF}" type="parTrans" cxnId="{F0C20830-E1F2-4635-BF93-9685D803AC0D}">
      <dgm:prSet/>
      <dgm:spPr/>
      <dgm:t>
        <a:bodyPr/>
        <a:lstStyle/>
        <a:p>
          <a:endParaRPr lang="en-ZA"/>
        </a:p>
      </dgm:t>
    </dgm:pt>
    <dgm:pt modelId="{11425375-B225-40FE-BEB7-6427315159E5}" type="sibTrans" cxnId="{F0C20830-E1F2-4635-BF93-9685D803AC0D}">
      <dgm:prSet/>
      <dgm:spPr/>
      <dgm:t>
        <a:bodyPr/>
        <a:lstStyle/>
        <a:p>
          <a:endParaRPr lang="en-ZA"/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5" custScaleX="192929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4" custLinFactX="-284879" custLinFactNeighborX="-300000" custLinFactNeighborY="-10249"/>
      <dgm:spPr/>
    </dgm:pt>
    <dgm:pt modelId="{26204E24-09CE-41F4-AE4D-FA345A17C5F8}" type="pres">
      <dgm:prSet presAssocID="{D5883F9B-95A3-465E-8C8B-9591D3B2D275}" presName="Child" presStyleLbl="revTx" presStyleIdx="1" presStyleCnt="5" custScaleX="178747" custLinFactNeighborX="-2218" custLinFactNeighborY="-7329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4" custLinFactX="-200000" custLinFactNeighborX="-279007" custLinFactNeighborY="-37583"/>
      <dgm:spPr/>
    </dgm:pt>
    <dgm:pt modelId="{570FBC9A-AB6F-4C18-9884-060CA4074485}" type="pres">
      <dgm:prSet presAssocID="{873A2A23-2FA9-4116-8D94-D08C37B0B87A}" presName="Child" presStyleLbl="revTx" presStyleIdx="2" presStyleCnt="5" custScaleX="195473" custLinFactNeighborX="14469" custLinFactNeighborY="-163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4" custLinFactX="-230911" custLinFactNeighborX="-300000" custLinFactNeighborY="-41000"/>
      <dgm:spPr/>
    </dgm:pt>
    <dgm:pt modelId="{5650FF15-284A-46EA-A33F-708376F74A9F}" type="pres">
      <dgm:prSet presAssocID="{FF5737B6-AF52-4E59-B435-DA3FD196B381}" presName="Child" presStyleLbl="revTx" presStyleIdx="3" presStyleCnt="5" custScaleX="187273" custLinFactNeighborX="5871" custLinFactNeighborY="-739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75CA7816-1998-4192-930C-1FB1275FFB88}" type="pres">
      <dgm:prSet presAssocID="{CDF7F19E-C8E1-4C75-BF84-511277DE712F}" presName="childComposite" presStyleCnt="0">
        <dgm:presLayoutVars>
          <dgm:chMax val="0"/>
          <dgm:chPref val="0"/>
        </dgm:presLayoutVars>
      </dgm:prSet>
      <dgm:spPr/>
    </dgm:pt>
    <dgm:pt modelId="{35A30143-39F6-4E96-816B-61A883FEC5C5}" type="pres">
      <dgm:prSet presAssocID="{CDF7F19E-C8E1-4C75-BF84-511277DE712F}" presName="ChildAccent" presStyleLbl="solidFgAcc1" presStyleIdx="3" presStyleCnt="4" custLinFactX="-200000" custLinFactNeighborX="-291501" custLinFactNeighborY="-56774"/>
      <dgm:spPr/>
    </dgm:pt>
    <dgm:pt modelId="{7987EAE1-0162-4DD9-A7E3-EAB46F4A5925}" type="pres">
      <dgm:prSet presAssocID="{CDF7F19E-C8E1-4C75-BF84-511277DE712F}" presName="Child" presStyleLbl="revTx" presStyleIdx="4" presStyleCnt="5" custScaleX="193303" custLinFactNeighborX="11567" custLinFactNeighborY="-1054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7DA31BAA-3ED5-4385-A620-D22D02CFABB8}" type="presOf" srcId="{C947D739-67E6-4838-B20C-BA5C2924D47C}" destId="{B7061B8B-1383-421A-99AC-526CF7C9BE74}" srcOrd="0" destOrd="0" presId="urn:microsoft.com/office/officeart/2008/layout/SquareAccentList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202459D7-74BE-4A61-B1FD-5AD421BC9544}" type="presOf" srcId="{CDF7F19E-C8E1-4C75-BF84-511277DE712F}" destId="{7987EAE1-0162-4DD9-A7E3-EAB46F4A5925}" srcOrd="0" destOrd="0" presId="urn:microsoft.com/office/officeart/2008/layout/SquareAccentList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B53D1198-D2E9-4D4D-9933-21E3CC54A3A4}" type="presOf" srcId="{873A2A23-2FA9-4116-8D94-D08C37B0B87A}" destId="{570FBC9A-AB6F-4C18-9884-060CA4074485}" srcOrd="0" destOrd="0" presId="urn:microsoft.com/office/officeart/2008/layout/SquareAccentList"/>
    <dgm:cxn modelId="{D732F267-368B-48B3-BDE7-54C8F7DEE994}" type="presOf" srcId="{FF5737B6-AF52-4E59-B435-DA3FD196B381}" destId="{5650FF15-284A-46EA-A33F-708376F74A9F}" srcOrd="0" destOrd="0" presId="urn:microsoft.com/office/officeart/2008/layout/SquareAccentList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60A3E7DF-B9B8-44D9-ACF7-67FF65F7D0E1}" type="presOf" srcId="{55317CB4-F70F-4461-9259-4592675AE6D9}" destId="{13A775D7-9587-493E-B488-A6BB52AB22EE}" srcOrd="0" destOrd="0" presId="urn:microsoft.com/office/officeart/2008/layout/SquareAccentList"/>
    <dgm:cxn modelId="{300F96A6-8EFB-4BA2-B4ED-C52168A98863}" type="presOf" srcId="{D5883F9B-95A3-465E-8C8B-9591D3B2D275}" destId="{26204E24-09CE-41F4-AE4D-FA345A17C5F8}" srcOrd="0" destOrd="0" presId="urn:microsoft.com/office/officeart/2008/layout/SquareAccentList"/>
    <dgm:cxn modelId="{F0C20830-E1F2-4635-BF93-9685D803AC0D}" srcId="{C947D739-67E6-4838-B20C-BA5C2924D47C}" destId="{CDF7F19E-C8E1-4C75-BF84-511277DE712F}" srcOrd="3" destOrd="0" parTransId="{74265D30-36AC-4785-BD9E-3F89E63439DF}" sibTransId="{11425375-B225-40FE-BEB7-6427315159E5}"/>
    <dgm:cxn modelId="{D2971021-A3DE-4EE3-88F6-8F151EE61191}" type="presParOf" srcId="{13A775D7-9587-493E-B488-A6BB52AB22EE}" destId="{759E421C-B559-48A7-AD3B-D0E4BA41EF5C}" srcOrd="0" destOrd="0" presId="urn:microsoft.com/office/officeart/2008/layout/SquareAccentList"/>
    <dgm:cxn modelId="{9F821A5E-03A0-4F20-A50B-F6F8DF5821ED}" type="presParOf" srcId="{759E421C-B559-48A7-AD3B-D0E4BA41EF5C}" destId="{632A0B21-E009-43B4-A9CD-1D08954EA7E6}" srcOrd="0" destOrd="0" presId="urn:microsoft.com/office/officeart/2008/layout/SquareAccentList"/>
    <dgm:cxn modelId="{7D4DD70E-5AB9-4063-A5F6-CC56D78EAFC3}" type="presParOf" srcId="{632A0B21-E009-43B4-A9CD-1D08954EA7E6}" destId="{38EF8B21-1A33-4ED0-A352-DBB8CB5B1B48}" srcOrd="0" destOrd="0" presId="urn:microsoft.com/office/officeart/2008/layout/SquareAccentList"/>
    <dgm:cxn modelId="{72073699-6176-4730-B47D-05EE2C0BE89D}" type="presParOf" srcId="{632A0B21-E009-43B4-A9CD-1D08954EA7E6}" destId="{975893C4-4C55-4D8C-A5D3-7AFAB07FE582}" srcOrd="1" destOrd="0" presId="urn:microsoft.com/office/officeart/2008/layout/SquareAccentList"/>
    <dgm:cxn modelId="{CA8C8D73-25B4-411E-9D0D-FEBA7A781591}" type="presParOf" srcId="{632A0B21-E009-43B4-A9CD-1D08954EA7E6}" destId="{B7061B8B-1383-421A-99AC-526CF7C9BE74}" srcOrd="2" destOrd="0" presId="urn:microsoft.com/office/officeart/2008/layout/SquareAccentList"/>
    <dgm:cxn modelId="{74C774B6-87C0-4330-8635-89B9324440C9}" type="presParOf" srcId="{759E421C-B559-48A7-AD3B-D0E4BA41EF5C}" destId="{1AD12CF2-DFD5-477C-868F-27071C0A50B2}" srcOrd="1" destOrd="0" presId="urn:microsoft.com/office/officeart/2008/layout/SquareAccentList"/>
    <dgm:cxn modelId="{794A4F15-F4F6-4973-A4F2-9E2841BE7415}" type="presParOf" srcId="{1AD12CF2-DFD5-477C-868F-27071C0A50B2}" destId="{61DE4505-2C2D-4CCC-9571-D700E0B9F389}" srcOrd="0" destOrd="0" presId="urn:microsoft.com/office/officeart/2008/layout/SquareAccentList"/>
    <dgm:cxn modelId="{40629BD9-2A5A-49DF-B003-C393CB021269}" type="presParOf" srcId="{61DE4505-2C2D-4CCC-9571-D700E0B9F389}" destId="{709C632C-F821-46C8-8EFA-4A2B0F2CFC43}" srcOrd="0" destOrd="0" presId="urn:microsoft.com/office/officeart/2008/layout/SquareAccentList"/>
    <dgm:cxn modelId="{619D2914-50B2-4BA3-95D0-01204A965BC3}" type="presParOf" srcId="{61DE4505-2C2D-4CCC-9571-D700E0B9F389}" destId="{26204E24-09CE-41F4-AE4D-FA345A17C5F8}" srcOrd="1" destOrd="0" presId="urn:microsoft.com/office/officeart/2008/layout/SquareAccentList"/>
    <dgm:cxn modelId="{40C8A1E4-EB8E-4C9E-8BF0-1C97265A724C}" type="presParOf" srcId="{1AD12CF2-DFD5-477C-868F-27071C0A50B2}" destId="{94E21E9D-F49F-416C-89C0-6F05C87D7A34}" srcOrd="1" destOrd="0" presId="urn:microsoft.com/office/officeart/2008/layout/SquareAccentList"/>
    <dgm:cxn modelId="{990D5C8E-D011-47C9-81FB-940ADA2EF235}" type="presParOf" srcId="{94E21E9D-F49F-416C-89C0-6F05C87D7A34}" destId="{E88F848A-B10F-44C4-92B6-351DD043D122}" srcOrd="0" destOrd="0" presId="urn:microsoft.com/office/officeart/2008/layout/SquareAccentList"/>
    <dgm:cxn modelId="{47340E97-3C00-483D-91CC-733D0FC6C3F8}" type="presParOf" srcId="{94E21E9D-F49F-416C-89C0-6F05C87D7A34}" destId="{570FBC9A-AB6F-4C18-9884-060CA4074485}" srcOrd="1" destOrd="0" presId="urn:microsoft.com/office/officeart/2008/layout/SquareAccentList"/>
    <dgm:cxn modelId="{AEE8187F-5565-4C51-99D5-2969886E9350}" type="presParOf" srcId="{1AD12CF2-DFD5-477C-868F-27071C0A50B2}" destId="{BBB95A08-67CD-4F89-A113-E9EAF92D2C81}" srcOrd="2" destOrd="0" presId="urn:microsoft.com/office/officeart/2008/layout/SquareAccentList"/>
    <dgm:cxn modelId="{366FE736-AAA1-4E09-AEBD-6DF400728556}" type="presParOf" srcId="{BBB95A08-67CD-4F89-A113-E9EAF92D2C81}" destId="{6D2DFDF3-54AF-4794-938D-C0636BFA1288}" srcOrd="0" destOrd="0" presId="urn:microsoft.com/office/officeart/2008/layout/SquareAccentList"/>
    <dgm:cxn modelId="{89A62E02-4FE2-43E7-8E13-629305C9DECE}" type="presParOf" srcId="{BBB95A08-67CD-4F89-A113-E9EAF92D2C81}" destId="{5650FF15-284A-46EA-A33F-708376F74A9F}" srcOrd="1" destOrd="0" presId="urn:microsoft.com/office/officeart/2008/layout/SquareAccentList"/>
    <dgm:cxn modelId="{9EE9BBAC-DD08-46E1-9CBB-AD95BE53100B}" type="presParOf" srcId="{1AD12CF2-DFD5-477C-868F-27071C0A50B2}" destId="{75CA7816-1998-4192-930C-1FB1275FFB88}" srcOrd="3" destOrd="0" presId="urn:microsoft.com/office/officeart/2008/layout/SquareAccentList"/>
    <dgm:cxn modelId="{DBC922EE-6DAE-4BC1-8716-6C1674F71205}" type="presParOf" srcId="{75CA7816-1998-4192-930C-1FB1275FFB88}" destId="{35A30143-39F6-4E96-816B-61A883FEC5C5}" srcOrd="0" destOrd="0" presId="urn:microsoft.com/office/officeart/2008/layout/SquareAccentList"/>
    <dgm:cxn modelId="{8ED276E0-DE0F-40B1-85B6-DCFD3FCC7FD5}" type="presParOf" srcId="{75CA7816-1998-4192-930C-1FB1275FFB88}" destId="{7987EAE1-0162-4DD9-A7E3-EAB46F4A5925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7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 an integrated Knowledge Management Strategy / Plan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onduct Technology Management Solutions &amp; Systems integration analysis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udit guidelines on strategic deployment of resources based on demands, Police Station profiles and environmental studies 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DF7F19E-C8E1-4C75-BF84-511277DE712F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f the quality &amp; functionality of Detective Services</a:t>
          </a:r>
        </a:p>
      </dgm:t>
    </dgm:pt>
    <dgm:pt modelId="{74265D30-36AC-4785-BD9E-3F89E63439DF}" type="parTrans" cxnId="{F0C20830-E1F2-4635-BF93-9685D803AC0D}">
      <dgm:prSet/>
      <dgm:spPr/>
      <dgm:t>
        <a:bodyPr/>
        <a:lstStyle/>
        <a:p>
          <a:endParaRPr lang="en-ZA"/>
        </a:p>
      </dgm:t>
    </dgm:pt>
    <dgm:pt modelId="{11425375-B225-40FE-BEB7-6427315159E5}" type="sibTrans" cxnId="{F0C20830-E1F2-4635-BF93-9685D803AC0D}">
      <dgm:prSet/>
      <dgm:spPr/>
      <dgm:t>
        <a:bodyPr/>
        <a:lstStyle/>
        <a:p>
          <a:endParaRPr lang="en-ZA"/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5" custScaleX="192929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4" custLinFactX="-284879" custLinFactNeighborX="-300000" custLinFactNeighborY="-43639"/>
      <dgm:spPr/>
    </dgm:pt>
    <dgm:pt modelId="{26204E24-09CE-41F4-AE4D-FA345A17C5F8}" type="pres">
      <dgm:prSet presAssocID="{D5883F9B-95A3-465E-8C8B-9591D3B2D275}" presName="Child" presStyleLbl="revTx" presStyleIdx="1" presStyleCnt="5" custScaleX="178747" custLinFactNeighborX="-2218" custLinFactNeighborY="-1449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4" custLinFactX="-200000" custLinFactNeighborX="-279007" custLinFactNeighborY="-67634"/>
      <dgm:spPr/>
    </dgm:pt>
    <dgm:pt modelId="{570FBC9A-AB6F-4C18-9884-060CA4074485}" type="pres">
      <dgm:prSet presAssocID="{873A2A23-2FA9-4116-8D94-D08C37B0B87A}" presName="Child" presStyleLbl="revTx" presStyleIdx="2" presStyleCnt="5" custScaleX="195473" custLinFactNeighborX="14469" custLinFactNeighborY="-15957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4" custLinFactX="-230911" custLinFactNeighborX="-300000" custLinFactNeighborY="-41000"/>
      <dgm:spPr/>
    </dgm:pt>
    <dgm:pt modelId="{5650FF15-284A-46EA-A33F-708376F74A9F}" type="pres">
      <dgm:prSet presAssocID="{FF5737B6-AF52-4E59-B435-DA3FD196B381}" presName="Child" presStyleLbl="revTx" presStyleIdx="3" presStyleCnt="5" custScaleX="187273" custLinFactNeighborX="5871" custLinFactNeighborY="-739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75CA7816-1998-4192-930C-1FB1275FFB88}" type="pres">
      <dgm:prSet presAssocID="{CDF7F19E-C8E1-4C75-BF84-511277DE712F}" presName="childComposite" presStyleCnt="0">
        <dgm:presLayoutVars>
          <dgm:chMax val="0"/>
          <dgm:chPref val="0"/>
        </dgm:presLayoutVars>
      </dgm:prSet>
      <dgm:spPr/>
    </dgm:pt>
    <dgm:pt modelId="{35A30143-39F6-4E96-816B-61A883FEC5C5}" type="pres">
      <dgm:prSet presAssocID="{CDF7F19E-C8E1-4C75-BF84-511277DE712F}" presName="ChildAccent" presStyleLbl="solidFgAcc1" presStyleIdx="3" presStyleCnt="4" custLinFactX="-200000" custLinFactNeighborX="-291501" custLinFactNeighborY="-23384"/>
      <dgm:spPr/>
    </dgm:pt>
    <dgm:pt modelId="{7987EAE1-0162-4DD9-A7E3-EAB46F4A5925}" type="pres">
      <dgm:prSet presAssocID="{CDF7F19E-C8E1-4C75-BF84-511277DE712F}" presName="Child" presStyleLbl="revTx" presStyleIdx="4" presStyleCnt="5" custScaleX="193303" custLinFactNeighborX="11567" custLinFactNeighborY="919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8BE87AFE-0537-4C5E-A063-62ECAA373189}" type="presOf" srcId="{55317CB4-F70F-4461-9259-4592675AE6D9}" destId="{13A775D7-9587-493E-B488-A6BB52AB22EE}" srcOrd="0" destOrd="0" presId="urn:microsoft.com/office/officeart/2008/layout/SquareAccentList"/>
    <dgm:cxn modelId="{ABA209FB-0CF5-4DBA-86B5-E23A86C297E1}" type="presOf" srcId="{CDF7F19E-C8E1-4C75-BF84-511277DE712F}" destId="{7987EAE1-0162-4DD9-A7E3-EAB46F4A5925}" srcOrd="0" destOrd="0" presId="urn:microsoft.com/office/officeart/2008/layout/SquareAccentList"/>
    <dgm:cxn modelId="{08120698-3076-40E8-8F78-933DBE408F71}" type="presOf" srcId="{FF5737B6-AF52-4E59-B435-DA3FD196B381}" destId="{5650FF15-284A-46EA-A33F-708376F74A9F}" srcOrd="0" destOrd="0" presId="urn:microsoft.com/office/officeart/2008/layout/SquareAccentList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3096B972-C5DE-4DC3-BA69-4F88C8920756}" type="presOf" srcId="{C947D739-67E6-4838-B20C-BA5C2924D47C}" destId="{B7061B8B-1383-421A-99AC-526CF7C9BE74}" srcOrd="0" destOrd="0" presId="urn:microsoft.com/office/officeart/2008/layout/SquareAccentList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27D2C315-83EF-4A0E-AF3B-6AF1F9EF51D5}" type="presOf" srcId="{D5883F9B-95A3-465E-8C8B-9591D3B2D275}" destId="{26204E24-09CE-41F4-AE4D-FA345A17C5F8}" srcOrd="0" destOrd="0" presId="urn:microsoft.com/office/officeart/2008/layout/SquareAccentList"/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53725876-19ED-43E2-80D4-94C7203720DA}" type="presOf" srcId="{873A2A23-2FA9-4116-8D94-D08C37B0B87A}" destId="{570FBC9A-AB6F-4C18-9884-060CA4074485}" srcOrd="0" destOrd="0" presId="urn:microsoft.com/office/officeart/2008/layout/SquareAccentList"/>
    <dgm:cxn modelId="{F0C20830-E1F2-4635-BF93-9685D803AC0D}" srcId="{C947D739-67E6-4838-B20C-BA5C2924D47C}" destId="{CDF7F19E-C8E1-4C75-BF84-511277DE712F}" srcOrd="3" destOrd="0" parTransId="{74265D30-36AC-4785-BD9E-3F89E63439DF}" sibTransId="{11425375-B225-40FE-BEB7-6427315159E5}"/>
    <dgm:cxn modelId="{3BB30D91-34E3-4AEC-9519-72904AED08EC}" type="presParOf" srcId="{13A775D7-9587-493E-B488-A6BB52AB22EE}" destId="{759E421C-B559-48A7-AD3B-D0E4BA41EF5C}" srcOrd="0" destOrd="0" presId="urn:microsoft.com/office/officeart/2008/layout/SquareAccentList"/>
    <dgm:cxn modelId="{E5D4FED5-8953-4546-B864-A32D6591280B}" type="presParOf" srcId="{759E421C-B559-48A7-AD3B-D0E4BA41EF5C}" destId="{632A0B21-E009-43B4-A9CD-1D08954EA7E6}" srcOrd="0" destOrd="0" presId="urn:microsoft.com/office/officeart/2008/layout/SquareAccentList"/>
    <dgm:cxn modelId="{A4E40924-88C0-4A92-9D8D-DDA02BEFDEF6}" type="presParOf" srcId="{632A0B21-E009-43B4-A9CD-1D08954EA7E6}" destId="{38EF8B21-1A33-4ED0-A352-DBB8CB5B1B48}" srcOrd="0" destOrd="0" presId="urn:microsoft.com/office/officeart/2008/layout/SquareAccentList"/>
    <dgm:cxn modelId="{96B60BCE-A8C4-47F1-9F90-D4C80870BA4C}" type="presParOf" srcId="{632A0B21-E009-43B4-A9CD-1D08954EA7E6}" destId="{975893C4-4C55-4D8C-A5D3-7AFAB07FE582}" srcOrd="1" destOrd="0" presId="urn:microsoft.com/office/officeart/2008/layout/SquareAccentList"/>
    <dgm:cxn modelId="{29B37693-E03E-4CD1-A285-ADA3946A84AF}" type="presParOf" srcId="{632A0B21-E009-43B4-A9CD-1D08954EA7E6}" destId="{B7061B8B-1383-421A-99AC-526CF7C9BE74}" srcOrd="2" destOrd="0" presId="urn:microsoft.com/office/officeart/2008/layout/SquareAccentList"/>
    <dgm:cxn modelId="{A8909A54-C6E8-45C9-AF2C-3BC35845E201}" type="presParOf" srcId="{759E421C-B559-48A7-AD3B-D0E4BA41EF5C}" destId="{1AD12CF2-DFD5-477C-868F-27071C0A50B2}" srcOrd="1" destOrd="0" presId="urn:microsoft.com/office/officeart/2008/layout/SquareAccentList"/>
    <dgm:cxn modelId="{52411FC8-31A6-42FA-83FB-5D88100FD3C7}" type="presParOf" srcId="{1AD12CF2-DFD5-477C-868F-27071C0A50B2}" destId="{61DE4505-2C2D-4CCC-9571-D700E0B9F389}" srcOrd="0" destOrd="0" presId="urn:microsoft.com/office/officeart/2008/layout/SquareAccentList"/>
    <dgm:cxn modelId="{9C085C39-B443-4126-BF2A-25EA258B9EF5}" type="presParOf" srcId="{61DE4505-2C2D-4CCC-9571-D700E0B9F389}" destId="{709C632C-F821-46C8-8EFA-4A2B0F2CFC43}" srcOrd="0" destOrd="0" presId="urn:microsoft.com/office/officeart/2008/layout/SquareAccentList"/>
    <dgm:cxn modelId="{C2D265A9-4FC3-49BF-8D90-FA1D050FADD7}" type="presParOf" srcId="{61DE4505-2C2D-4CCC-9571-D700E0B9F389}" destId="{26204E24-09CE-41F4-AE4D-FA345A17C5F8}" srcOrd="1" destOrd="0" presId="urn:microsoft.com/office/officeart/2008/layout/SquareAccentList"/>
    <dgm:cxn modelId="{428E03B4-A04C-4FC2-8EDB-2FF8C14E7C41}" type="presParOf" srcId="{1AD12CF2-DFD5-477C-868F-27071C0A50B2}" destId="{94E21E9D-F49F-416C-89C0-6F05C87D7A34}" srcOrd="1" destOrd="0" presId="urn:microsoft.com/office/officeart/2008/layout/SquareAccentList"/>
    <dgm:cxn modelId="{8135092C-8169-40AD-B27D-8E0FFDBE4ADE}" type="presParOf" srcId="{94E21E9D-F49F-416C-89C0-6F05C87D7A34}" destId="{E88F848A-B10F-44C4-92B6-351DD043D122}" srcOrd="0" destOrd="0" presId="urn:microsoft.com/office/officeart/2008/layout/SquareAccentList"/>
    <dgm:cxn modelId="{F4B1A637-78A7-4EAA-B7E3-93CAF4C8A365}" type="presParOf" srcId="{94E21E9D-F49F-416C-89C0-6F05C87D7A34}" destId="{570FBC9A-AB6F-4C18-9884-060CA4074485}" srcOrd="1" destOrd="0" presId="urn:microsoft.com/office/officeart/2008/layout/SquareAccentList"/>
    <dgm:cxn modelId="{E19AED65-36A1-4F9C-A95D-8F2443AB4C37}" type="presParOf" srcId="{1AD12CF2-DFD5-477C-868F-27071C0A50B2}" destId="{BBB95A08-67CD-4F89-A113-E9EAF92D2C81}" srcOrd="2" destOrd="0" presId="urn:microsoft.com/office/officeart/2008/layout/SquareAccentList"/>
    <dgm:cxn modelId="{BF6F5B7B-7D46-46DB-88DC-C88DEECACFF6}" type="presParOf" srcId="{BBB95A08-67CD-4F89-A113-E9EAF92D2C81}" destId="{6D2DFDF3-54AF-4794-938D-C0636BFA1288}" srcOrd="0" destOrd="0" presId="urn:microsoft.com/office/officeart/2008/layout/SquareAccentList"/>
    <dgm:cxn modelId="{5717D11A-A4EB-4B15-B0DB-A5225EC29A15}" type="presParOf" srcId="{BBB95A08-67CD-4F89-A113-E9EAF92D2C81}" destId="{5650FF15-284A-46EA-A33F-708376F74A9F}" srcOrd="1" destOrd="0" presId="urn:microsoft.com/office/officeart/2008/layout/SquareAccentList"/>
    <dgm:cxn modelId="{AD8FF796-8363-4513-B931-E659464592E5}" type="presParOf" srcId="{1AD12CF2-DFD5-477C-868F-27071C0A50B2}" destId="{75CA7816-1998-4192-930C-1FB1275FFB88}" srcOrd="3" destOrd="0" presId="urn:microsoft.com/office/officeart/2008/layout/SquareAccentList"/>
    <dgm:cxn modelId="{608F2163-4375-40FC-9CB2-AA8728BD8F77}" type="presParOf" srcId="{75CA7816-1998-4192-930C-1FB1275FFB88}" destId="{35A30143-39F6-4E96-816B-61A883FEC5C5}" srcOrd="0" destOrd="0" presId="urn:microsoft.com/office/officeart/2008/layout/SquareAccentList"/>
    <dgm:cxn modelId="{53CBC776-2EBF-4858-B6D1-9FD1D622892B}" type="presParOf" srcId="{75CA7816-1998-4192-930C-1FB1275FFB88}" destId="{7987EAE1-0162-4DD9-A7E3-EAB46F4A5925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8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n the current barriers effecting the reporting of sexual offences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73A2A23-2FA9-4116-8D94-D08C37B0B87A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National Police Board Framework </a:t>
          </a:r>
          <a:endParaRPr lang="en-ZA" sz="2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646CE55E-F914-4CCA-ABC2-EBCE73931AD0}" type="par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83198516-6A4A-46F9-84C1-CD5D69463EDC}" type="sibTrans" cxnId="{8930690E-827C-49EC-B54C-472DB53FB427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FF5737B6-AF52-4E59-B435-DA3FD196B381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the process of policy development between the Civilian Secretariat and the SAPS</a:t>
          </a:r>
        </a:p>
      </dgm:t>
    </dgm:pt>
    <dgm:pt modelId="{04F56AC5-BF03-4792-9423-D4BB504AE26A}" type="par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09E00DF8-9F47-477D-8783-3ADE76AF50A0}" type="sibTrans" cxnId="{1943FBB4-5163-4100-9B4C-4F4B4EE10EBC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CDF7F19E-C8E1-4C75-BF84-511277DE712F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ommunication Strategy and Plan – Awareness on the </a:t>
          </a:r>
          <a:r>
            <a:rPr lang="en-ZA" sz="2200" dirty="0" err="1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Marikana</a:t>
          </a:r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/ </a:t>
          </a:r>
          <a:r>
            <a:rPr lang="en-ZA" sz="2200" dirty="0" err="1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Farlam</a:t>
          </a:r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Commission Recommendations</a:t>
          </a:r>
        </a:p>
      </dgm:t>
    </dgm:pt>
    <dgm:pt modelId="{74265D30-36AC-4785-BD9E-3F89E63439DF}" type="parTrans" cxnId="{F0C20830-E1F2-4635-BF93-9685D803AC0D}">
      <dgm:prSet/>
      <dgm:spPr/>
      <dgm:t>
        <a:bodyPr/>
        <a:lstStyle/>
        <a:p>
          <a:endParaRPr lang="en-ZA"/>
        </a:p>
      </dgm:t>
    </dgm:pt>
    <dgm:pt modelId="{11425375-B225-40FE-BEB7-6427315159E5}" type="sibTrans" cxnId="{F0C20830-E1F2-4635-BF93-9685D803AC0D}">
      <dgm:prSet/>
      <dgm:spPr/>
      <dgm:t>
        <a:bodyPr/>
        <a:lstStyle/>
        <a:p>
          <a:endParaRPr lang="en-ZA"/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5" custScaleX="192929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4" custLinFactX="-284879" custLinFactNeighborX="-300000" custLinFactNeighborY="-43639"/>
      <dgm:spPr/>
    </dgm:pt>
    <dgm:pt modelId="{26204E24-09CE-41F4-AE4D-FA345A17C5F8}" type="pres">
      <dgm:prSet presAssocID="{D5883F9B-95A3-465E-8C8B-9591D3B2D275}" presName="Child" presStyleLbl="revTx" presStyleIdx="1" presStyleCnt="5" custScaleX="178747" custLinFactNeighborX="-2218" custLinFactNeighborY="-1449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94E21E9D-F49F-416C-89C0-6F05C87D7A34}" type="pres">
      <dgm:prSet presAssocID="{873A2A23-2FA9-4116-8D94-D08C37B0B87A}" presName="childComposite" presStyleCnt="0">
        <dgm:presLayoutVars>
          <dgm:chMax val="0"/>
          <dgm:chPref val="0"/>
        </dgm:presLayoutVars>
      </dgm:prSet>
      <dgm:spPr/>
    </dgm:pt>
    <dgm:pt modelId="{E88F848A-B10F-44C4-92B6-351DD043D122}" type="pres">
      <dgm:prSet presAssocID="{873A2A23-2FA9-4116-8D94-D08C37B0B87A}" presName="ChildAccent" presStyleLbl="solidFgAcc1" presStyleIdx="1" presStyleCnt="4" custLinFactX="-200000" custLinFactNeighborX="-279007" custLinFactNeighborY="-67634"/>
      <dgm:spPr/>
    </dgm:pt>
    <dgm:pt modelId="{570FBC9A-AB6F-4C18-9884-060CA4074485}" type="pres">
      <dgm:prSet presAssocID="{873A2A23-2FA9-4116-8D94-D08C37B0B87A}" presName="Child" presStyleLbl="revTx" presStyleIdx="2" presStyleCnt="5" custScaleX="195473" custLinFactNeighborX="14469" custLinFactNeighborY="-15957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BBB95A08-67CD-4F89-A113-E9EAF92D2C81}" type="pres">
      <dgm:prSet presAssocID="{FF5737B6-AF52-4E59-B435-DA3FD196B381}" presName="childComposite" presStyleCnt="0">
        <dgm:presLayoutVars>
          <dgm:chMax val="0"/>
          <dgm:chPref val="0"/>
        </dgm:presLayoutVars>
      </dgm:prSet>
      <dgm:spPr/>
    </dgm:pt>
    <dgm:pt modelId="{6D2DFDF3-54AF-4794-938D-C0636BFA1288}" type="pres">
      <dgm:prSet presAssocID="{FF5737B6-AF52-4E59-B435-DA3FD196B381}" presName="ChildAccent" presStyleLbl="solidFgAcc1" presStyleIdx="2" presStyleCnt="4" custLinFactX="-230911" custLinFactNeighborX="-300000" custLinFactNeighborY="-41000"/>
      <dgm:spPr/>
    </dgm:pt>
    <dgm:pt modelId="{5650FF15-284A-46EA-A33F-708376F74A9F}" type="pres">
      <dgm:prSet presAssocID="{FF5737B6-AF52-4E59-B435-DA3FD196B381}" presName="Child" presStyleLbl="revTx" presStyleIdx="3" presStyleCnt="5" custScaleX="187273" custLinFactNeighborX="5871" custLinFactNeighborY="-739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75CA7816-1998-4192-930C-1FB1275FFB88}" type="pres">
      <dgm:prSet presAssocID="{CDF7F19E-C8E1-4C75-BF84-511277DE712F}" presName="childComposite" presStyleCnt="0">
        <dgm:presLayoutVars>
          <dgm:chMax val="0"/>
          <dgm:chPref val="0"/>
        </dgm:presLayoutVars>
      </dgm:prSet>
      <dgm:spPr/>
    </dgm:pt>
    <dgm:pt modelId="{35A30143-39F6-4E96-816B-61A883FEC5C5}" type="pres">
      <dgm:prSet presAssocID="{CDF7F19E-C8E1-4C75-BF84-511277DE712F}" presName="ChildAccent" presStyleLbl="solidFgAcc1" presStyleIdx="3" presStyleCnt="4" custLinFactX="-200000" custLinFactNeighborX="-291501" custLinFactNeighborY="-23384"/>
      <dgm:spPr/>
    </dgm:pt>
    <dgm:pt modelId="{7987EAE1-0162-4DD9-A7E3-EAB46F4A5925}" type="pres">
      <dgm:prSet presAssocID="{CDF7F19E-C8E1-4C75-BF84-511277DE712F}" presName="Child" presStyleLbl="revTx" presStyleIdx="4" presStyleCnt="5" custScaleX="193303" custLinFactNeighborX="11567" custLinFactNeighborY="919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591D1096-FA03-43E1-8DBE-18464DAF0AD9}" type="presOf" srcId="{55317CB4-F70F-4461-9259-4592675AE6D9}" destId="{13A775D7-9587-493E-B488-A6BB52AB22EE}" srcOrd="0" destOrd="0" presId="urn:microsoft.com/office/officeart/2008/layout/SquareAccentList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740009A5-3B97-4969-92A8-9F213551305F}" type="presOf" srcId="{FF5737B6-AF52-4E59-B435-DA3FD196B381}" destId="{5650FF15-284A-46EA-A33F-708376F74A9F}" srcOrd="0" destOrd="0" presId="urn:microsoft.com/office/officeart/2008/layout/SquareAccentList"/>
    <dgm:cxn modelId="{8930690E-827C-49EC-B54C-472DB53FB427}" srcId="{C947D739-67E6-4838-B20C-BA5C2924D47C}" destId="{873A2A23-2FA9-4116-8D94-D08C37B0B87A}" srcOrd="1" destOrd="0" parTransId="{646CE55E-F914-4CCA-ABC2-EBCE73931AD0}" sibTransId="{83198516-6A4A-46F9-84C1-CD5D69463EDC}"/>
    <dgm:cxn modelId="{BFE228D2-1F4D-4278-8ABB-727F541510C8}" type="presOf" srcId="{D5883F9B-95A3-465E-8C8B-9591D3B2D275}" destId="{26204E24-09CE-41F4-AE4D-FA345A17C5F8}" srcOrd="0" destOrd="0" presId="urn:microsoft.com/office/officeart/2008/layout/SquareAccentList"/>
    <dgm:cxn modelId="{AEC66798-D2D9-4F90-B1D2-08C73B6B7B28}" type="presOf" srcId="{873A2A23-2FA9-4116-8D94-D08C37B0B87A}" destId="{570FBC9A-AB6F-4C18-9884-060CA4074485}" srcOrd="0" destOrd="0" presId="urn:microsoft.com/office/officeart/2008/layout/SquareAccentList"/>
    <dgm:cxn modelId="{1943FBB4-5163-4100-9B4C-4F4B4EE10EBC}" srcId="{C947D739-67E6-4838-B20C-BA5C2924D47C}" destId="{FF5737B6-AF52-4E59-B435-DA3FD196B381}" srcOrd="2" destOrd="0" parTransId="{04F56AC5-BF03-4792-9423-D4BB504AE26A}" sibTransId="{09E00DF8-9F47-477D-8783-3ADE76AF50A0}"/>
    <dgm:cxn modelId="{987250F6-E702-49E5-B1A0-329FC7330F4F}" type="presOf" srcId="{CDF7F19E-C8E1-4C75-BF84-511277DE712F}" destId="{7987EAE1-0162-4DD9-A7E3-EAB46F4A5925}" srcOrd="0" destOrd="0" presId="urn:microsoft.com/office/officeart/2008/layout/SquareAccentList"/>
    <dgm:cxn modelId="{F0C20830-E1F2-4635-BF93-9685D803AC0D}" srcId="{C947D739-67E6-4838-B20C-BA5C2924D47C}" destId="{CDF7F19E-C8E1-4C75-BF84-511277DE712F}" srcOrd="3" destOrd="0" parTransId="{74265D30-36AC-4785-BD9E-3F89E63439DF}" sibTransId="{11425375-B225-40FE-BEB7-6427315159E5}"/>
    <dgm:cxn modelId="{941A1EE1-6D92-4035-A8C7-1A14C8ADD4C6}" type="presOf" srcId="{C947D739-67E6-4838-B20C-BA5C2924D47C}" destId="{B7061B8B-1383-421A-99AC-526CF7C9BE74}" srcOrd="0" destOrd="0" presId="urn:microsoft.com/office/officeart/2008/layout/SquareAccentList"/>
    <dgm:cxn modelId="{830B1911-74F1-4B65-A121-6E0BC77BCBD2}" type="presParOf" srcId="{13A775D7-9587-493E-B488-A6BB52AB22EE}" destId="{759E421C-B559-48A7-AD3B-D0E4BA41EF5C}" srcOrd="0" destOrd="0" presId="urn:microsoft.com/office/officeart/2008/layout/SquareAccentList"/>
    <dgm:cxn modelId="{A6EAAD51-91DB-44EF-B44D-C0A857487917}" type="presParOf" srcId="{759E421C-B559-48A7-AD3B-D0E4BA41EF5C}" destId="{632A0B21-E009-43B4-A9CD-1D08954EA7E6}" srcOrd="0" destOrd="0" presId="urn:microsoft.com/office/officeart/2008/layout/SquareAccentList"/>
    <dgm:cxn modelId="{38A3F421-A994-498C-9660-9A09441F817F}" type="presParOf" srcId="{632A0B21-E009-43B4-A9CD-1D08954EA7E6}" destId="{38EF8B21-1A33-4ED0-A352-DBB8CB5B1B48}" srcOrd="0" destOrd="0" presId="urn:microsoft.com/office/officeart/2008/layout/SquareAccentList"/>
    <dgm:cxn modelId="{059F7587-D51E-4754-8897-070AF38E4D46}" type="presParOf" srcId="{632A0B21-E009-43B4-A9CD-1D08954EA7E6}" destId="{975893C4-4C55-4D8C-A5D3-7AFAB07FE582}" srcOrd="1" destOrd="0" presId="urn:microsoft.com/office/officeart/2008/layout/SquareAccentList"/>
    <dgm:cxn modelId="{DED52A1E-38D2-4413-91AC-C388BCCCEBB1}" type="presParOf" srcId="{632A0B21-E009-43B4-A9CD-1D08954EA7E6}" destId="{B7061B8B-1383-421A-99AC-526CF7C9BE74}" srcOrd="2" destOrd="0" presId="urn:microsoft.com/office/officeart/2008/layout/SquareAccentList"/>
    <dgm:cxn modelId="{E762935D-3653-488D-BF74-6EBCCC60B7E0}" type="presParOf" srcId="{759E421C-B559-48A7-AD3B-D0E4BA41EF5C}" destId="{1AD12CF2-DFD5-477C-868F-27071C0A50B2}" srcOrd="1" destOrd="0" presId="urn:microsoft.com/office/officeart/2008/layout/SquareAccentList"/>
    <dgm:cxn modelId="{D7FB2455-7AD7-4B43-9CBB-91903A0A2F69}" type="presParOf" srcId="{1AD12CF2-DFD5-477C-868F-27071C0A50B2}" destId="{61DE4505-2C2D-4CCC-9571-D700E0B9F389}" srcOrd="0" destOrd="0" presId="urn:microsoft.com/office/officeart/2008/layout/SquareAccentList"/>
    <dgm:cxn modelId="{0AB0FC02-A978-4721-B4E9-F2A8B6CCCD77}" type="presParOf" srcId="{61DE4505-2C2D-4CCC-9571-D700E0B9F389}" destId="{709C632C-F821-46C8-8EFA-4A2B0F2CFC43}" srcOrd="0" destOrd="0" presId="urn:microsoft.com/office/officeart/2008/layout/SquareAccentList"/>
    <dgm:cxn modelId="{510C96DC-A450-4E9A-AE92-5391001CD381}" type="presParOf" srcId="{61DE4505-2C2D-4CCC-9571-D700E0B9F389}" destId="{26204E24-09CE-41F4-AE4D-FA345A17C5F8}" srcOrd="1" destOrd="0" presId="urn:microsoft.com/office/officeart/2008/layout/SquareAccentList"/>
    <dgm:cxn modelId="{7087A10A-A214-4752-9EBB-F95C5387525B}" type="presParOf" srcId="{1AD12CF2-DFD5-477C-868F-27071C0A50B2}" destId="{94E21E9D-F49F-416C-89C0-6F05C87D7A34}" srcOrd="1" destOrd="0" presId="urn:microsoft.com/office/officeart/2008/layout/SquareAccentList"/>
    <dgm:cxn modelId="{49E7112F-73DE-49AC-9763-FAC8211DDCD2}" type="presParOf" srcId="{94E21E9D-F49F-416C-89C0-6F05C87D7A34}" destId="{E88F848A-B10F-44C4-92B6-351DD043D122}" srcOrd="0" destOrd="0" presId="urn:microsoft.com/office/officeart/2008/layout/SquareAccentList"/>
    <dgm:cxn modelId="{D8686E19-6021-4581-ABE4-F24514C2EF55}" type="presParOf" srcId="{94E21E9D-F49F-416C-89C0-6F05C87D7A34}" destId="{570FBC9A-AB6F-4C18-9884-060CA4074485}" srcOrd="1" destOrd="0" presId="urn:microsoft.com/office/officeart/2008/layout/SquareAccentList"/>
    <dgm:cxn modelId="{A1155055-2BD6-464E-9E76-6A796C751BE4}" type="presParOf" srcId="{1AD12CF2-DFD5-477C-868F-27071C0A50B2}" destId="{BBB95A08-67CD-4F89-A113-E9EAF92D2C81}" srcOrd="2" destOrd="0" presId="urn:microsoft.com/office/officeart/2008/layout/SquareAccentList"/>
    <dgm:cxn modelId="{4F70C14C-D425-4166-AD8C-1179269E19CF}" type="presParOf" srcId="{BBB95A08-67CD-4F89-A113-E9EAF92D2C81}" destId="{6D2DFDF3-54AF-4794-938D-C0636BFA1288}" srcOrd="0" destOrd="0" presId="urn:microsoft.com/office/officeart/2008/layout/SquareAccentList"/>
    <dgm:cxn modelId="{4892C6BE-2396-4775-8311-A2F6996A9FDC}" type="presParOf" srcId="{BBB95A08-67CD-4F89-A113-E9EAF92D2C81}" destId="{5650FF15-284A-46EA-A33F-708376F74A9F}" srcOrd="1" destOrd="0" presId="urn:microsoft.com/office/officeart/2008/layout/SquareAccentList"/>
    <dgm:cxn modelId="{6570E926-B2A5-45B4-91A2-70E3EFFA1572}" type="presParOf" srcId="{1AD12CF2-DFD5-477C-868F-27071C0A50B2}" destId="{75CA7816-1998-4192-930C-1FB1275FFB88}" srcOrd="3" destOrd="0" presId="urn:microsoft.com/office/officeart/2008/layout/SquareAccentList"/>
    <dgm:cxn modelId="{BD32D598-1192-429E-8A31-2ADD4A9F19D7}" type="presParOf" srcId="{75CA7816-1998-4192-930C-1FB1275FFB88}" destId="{35A30143-39F6-4E96-816B-61A883FEC5C5}" srcOrd="0" destOrd="0" presId="urn:microsoft.com/office/officeart/2008/layout/SquareAccentList"/>
    <dgm:cxn modelId="{2353388F-9448-4E85-B6DD-C027BABCD2F6}" type="presParOf" srcId="{75CA7816-1998-4192-930C-1FB1275FFB88}" destId="{7987EAE1-0162-4DD9-A7E3-EAB46F4A5925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ata9.xml><?xml version="1.0" encoding="utf-8"?>
<dgm:dataModel xmlns:dgm="http://schemas.openxmlformats.org/drawingml/2006/diagram" xmlns:a="http://schemas.openxmlformats.org/drawingml/2006/main">
  <dgm:ptLst>
    <dgm:pt modelId="{55317CB4-F70F-4461-9259-4592675AE6D9}" type="doc">
      <dgm:prSet loTypeId="urn:microsoft.com/office/officeart/2008/layout/SquareAccentList" loCatId="list" qsTypeId="urn:microsoft.com/office/officeart/2005/8/quickstyle/simple3" qsCatId="simple" csTypeId="urn:microsoft.com/office/officeart/2005/8/colors/accent1_2" csCatId="accent1" phldr="1"/>
      <dgm:spPr/>
      <dgm:t>
        <a:bodyPr/>
        <a:lstStyle/>
        <a:p>
          <a:endParaRPr lang="en-ZA"/>
        </a:p>
      </dgm:t>
    </dgm:pt>
    <dgm:pt modelId="{C947D739-67E6-4838-B20C-BA5C2924D47C}">
      <dgm:prSet phldrT="[Text]" custT="1"/>
      <dgm:spPr/>
      <dgm:t>
        <a:bodyPr/>
        <a:lstStyle/>
        <a:p>
          <a:r>
            <a:rPr lang="en-ZA" sz="24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 PROFESSIONILISATION OF POLICE SERVICE</a:t>
          </a:r>
          <a:endParaRPr lang="en-ZA" sz="24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5A5F6919-FEA1-4112-9CE6-179053BBF160}" type="par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4F722F5-7A60-43D6-8FEA-2EFB04A0C79D}" type="sibTrans" cxnId="{A70BF6AC-649E-4ACA-8802-66D93C1D93A5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D5883F9B-95A3-465E-8C8B-9591D3B2D275}">
      <dgm:prSet phldrT="[Text]" custT="1"/>
      <dgm:spPr/>
      <dgm:t>
        <a:bodyPr/>
        <a:lstStyle/>
        <a:p>
          <a:r>
            <a:rPr lang="en-ZA" sz="2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Selection and appointment of National Commissioner and Deputy National Commissioners</a:t>
          </a:r>
        </a:p>
      </dgm:t>
    </dgm:pt>
    <dgm:pt modelId="{FD386955-3F3A-4705-BE8F-B389DD889CD0}" type="par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23EBEAF4-C7DD-45D4-A50A-7D40593FF9BF}" type="sibTrans" cxnId="{AF8F6071-DFFE-415B-8C02-A3FD36C90E5B}">
      <dgm:prSet/>
      <dgm:spPr/>
      <dgm:t>
        <a:bodyPr/>
        <a:lstStyle/>
        <a:p>
          <a:endParaRPr lang="en-ZA" sz="240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gm:t>
    </dgm:pt>
    <dgm:pt modelId="{13A775D7-9587-493E-B488-A6BB52AB22EE}" type="pres">
      <dgm:prSet presAssocID="{55317CB4-F70F-4461-9259-4592675AE6D9}" presName="layout" presStyleCnt="0">
        <dgm:presLayoutVars>
          <dgm:chMax/>
          <dgm:chPref/>
          <dgm:dir/>
          <dgm:resizeHandles/>
        </dgm:presLayoutVars>
      </dgm:prSet>
      <dgm:spPr/>
      <dgm:t>
        <a:bodyPr/>
        <a:lstStyle/>
        <a:p>
          <a:endParaRPr lang="en-ZA"/>
        </a:p>
      </dgm:t>
    </dgm:pt>
    <dgm:pt modelId="{759E421C-B559-48A7-AD3B-D0E4BA41EF5C}" type="pres">
      <dgm:prSet presAssocID="{C947D739-67E6-4838-B20C-BA5C2924D47C}" presName="root" presStyleCnt="0">
        <dgm:presLayoutVars>
          <dgm:chMax/>
          <dgm:chPref/>
        </dgm:presLayoutVars>
      </dgm:prSet>
      <dgm:spPr/>
    </dgm:pt>
    <dgm:pt modelId="{632A0B21-E009-43B4-A9CD-1D08954EA7E6}" type="pres">
      <dgm:prSet presAssocID="{C947D739-67E6-4838-B20C-BA5C2924D47C}" presName="rootComposite" presStyleCnt="0">
        <dgm:presLayoutVars/>
      </dgm:prSet>
      <dgm:spPr/>
    </dgm:pt>
    <dgm:pt modelId="{38EF8B21-1A33-4ED0-A352-DBB8CB5B1B48}" type="pres">
      <dgm:prSet presAssocID="{C947D739-67E6-4838-B20C-BA5C2924D47C}" presName="ParentAccent" presStyleLbl="alignNode1" presStyleIdx="0" presStyleCnt="1" custScaleX="138441" custLinFactNeighborX="-8001" custLinFactNeighborY="-49068"/>
      <dgm:spPr/>
    </dgm:pt>
    <dgm:pt modelId="{975893C4-4C55-4D8C-A5D3-7AFAB07FE582}" type="pres">
      <dgm:prSet presAssocID="{C947D739-67E6-4838-B20C-BA5C2924D47C}" presName="ParentSmallAccent" presStyleLbl="fgAcc1" presStyleIdx="0" presStyleCnt="1" custLinFactX="-146211" custLinFactY="-16162" custLinFactNeighborX="-200000" custLinFactNeighborY="-100000"/>
      <dgm:spPr/>
    </dgm:pt>
    <dgm:pt modelId="{B7061B8B-1383-421A-99AC-526CF7C9BE74}" type="pres">
      <dgm:prSet presAssocID="{C947D739-67E6-4838-B20C-BA5C2924D47C}" presName="Parent" presStyleLbl="revTx" presStyleIdx="0" presStyleCnt="2" custScaleX="192929" custLinFactNeighborX="2940" custLinFactNeighborY="-10205">
        <dgm:presLayoutVars>
          <dgm:chMax/>
          <dgm:chPref val="4"/>
          <dgm:bulletEnabled val="1"/>
        </dgm:presLayoutVars>
      </dgm:prSet>
      <dgm:spPr/>
      <dgm:t>
        <a:bodyPr/>
        <a:lstStyle/>
        <a:p>
          <a:endParaRPr lang="en-ZA"/>
        </a:p>
      </dgm:t>
    </dgm:pt>
    <dgm:pt modelId="{1AD12CF2-DFD5-477C-868F-27071C0A50B2}" type="pres">
      <dgm:prSet presAssocID="{C947D739-67E6-4838-B20C-BA5C2924D47C}" presName="childShape" presStyleCnt="0">
        <dgm:presLayoutVars>
          <dgm:chMax val="0"/>
          <dgm:chPref val="0"/>
        </dgm:presLayoutVars>
      </dgm:prSet>
      <dgm:spPr/>
    </dgm:pt>
    <dgm:pt modelId="{61DE4505-2C2D-4CCC-9571-D700E0B9F389}" type="pres">
      <dgm:prSet presAssocID="{D5883F9B-95A3-465E-8C8B-9591D3B2D275}" presName="childComposite" presStyleCnt="0">
        <dgm:presLayoutVars>
          <dgm:chMax val="0"/>
          <dgm:chPref val="0"/>
        </dgm:presLayoutVars>
      </dgm:prSet>
      <dgm:spPr/>
    </dgm:pt>
    <dgm:pt modelId="{709C632C-F821-46C8-8EFA-4A2B0F2CFC43}" type="pres">
      <dgm:prSet presAssocID="{D5883F9B-95A3-465E-8C8B-9591D3B2D275}" presName="ChildAccent" presStyleLbl="solidFgAcc1" presStyleIdx="0" presStyleCnt="1" custLinFactX="-154319" custLinFactNeighborX="-200000" custLinFactNeighborY="-53425"/>
      <dgm:spPr/>
    </dgm:pt>
    <dgm:pt modelId="{26204E24-09CE-41F4-AE4D-FA345A17C5F8}" type="pres">
      <dgm:prSet presAssocID="{D5883F9B-95A3-465E-8C8B-9591D3B2D275}" presName="Child" presStyleLbl="revTx" presStyleIdx="1" presStyleCnt="2" custScaleX="178747" custLinFactNeighborX="14564" custLinFactNeighborY="-14492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ZA"/>
        </a:p>
      </dgm:t>
    </dgm:pt>
  </dgm:ptLst>
  <dgm:cxnLst>
    <dgm:cxn modelId="{FCAB9324-4079-4BC1-BD8B-034E81F57162}" type="presOf" srcId="{C947D739-67E6-4838-B20C-BA5C2924D47C}" destId="{B7061B8B-1383-421A-99AC-526CF7C9BE74}" srcOrd="0" destOrd="0" presId="urn:microsoft.com/office/officeart/2008/layout/SquareAccentList"/>
    <dgm:cxn modelId="{2059C9CC-3FBA-4FC1-9321-AA55248D5506}" type="presOf" srcId="{D5883F9B-95A3-465E-8C8B-9591D3B2D275}" destId="{26204E24-09CE-41F4-AE4D-FA345A17C5F8}" srcOrd="0" destOrd="0" presId="urn:microsoft.com/office/officeart/2008/layout/SquareAccentList"/>
    <dgm:cxn modelId="{89EC88DF-93C7-49D8-8304-5625983AD6BC}" type="presOf" srcId="{55317CB4-F70F-4461-9259-4592675AE6D9}" destId="{13A775D7-9587-493E-B488-A6BB52AB22EE}" srcOrd="0" destOrd="0" presId="urn:microsoft.com/office/officeart/2008/layout/SquareAccentList"/>
    <dgm:cxn modelId="{AF8F6071-DFFE-415B-8C02-A3FD36C90E5B}" srcId="{C947D739-67E6-4838-B20C-BA5C2924D47C}" destId="{D5883F9B-95A3-465E-8C8B-9591D3B2D275}" srcOrd="0" destOrd="0" parTransId="{FD386955-3F3A-4705-BE8F-B389DD889CD0}" sibTransId="{23EBEAF4-C7DD-45D4-A50A-7D40593FF9BF}"/>
    <dgm:cxn modelId="{A70BF6AC-649E-4ACA-8802-66D93C1D93A5}" srcId="{55317CB4-F70F-4461-9259-4592675AE6D9}" destId="{C947D739-67E6-4838-B20C-BA5C2924D47C}" srcOrd="0" destOrd="0" parTransId="{5A5F6919-FEA1-4112-9CE6-179053BBF160}" sibTransId="{14F722F5-7A60-43D6-8FEA-2EFB04A0C79D}"/>
    <dgm:cxn modelId="{B4122F05-A930-4403-A0AE-026D47DB1FE9}" type="presParOf" srcId="{13A775D7-9587-493E-B488-A6BB52AB22EE}" destId="{759E421C-B559-48A7-AD3B-D0E4BA41EF5C}" srcOrd="0" destOrd="0" presId="urn:microsoft.com/office/officeart/2008/layout/SquareAccentList"/>
    <dgm:cxn modelId="{010A4C31-B8E9-45A7-9C2D-6CA954105071}" type="presParOf" srcId="{759E421C-B559-48A7-AD3B-D0E4BA41EF5C}" destId="{632A0B21-E009-43B4-A9CD-1D08954EA7E6}" srcOrd="0" destOrd="0" presId="urn:microsoft.com/office/officeart/2008/layout/SquareAccentList"/>
    <dgm:cxn modelId="{C60F9712-86D3-42EB-B434-C03FB6903D4A}" type="presParOf" srcId="{632A0B21-E009-43B4-A9CD-1D08954EA7E6}" destId="{38EF8B21-1A33-4ED0-A352-DBB8CB5B1B48}" srcOrd="0" destOrd="0" presId="urn:microsoft.com/office/officeart/2008/layout/SquareAccentList"/>
    <dgm:cxn modelId="{49158882-E7A6-45D9-A1A6-21E628A850B6}" type="presParOf" srcId="{632A0B21-E009-43B4-A9CD-1D08954EA7E6}" destId="{975893C4-4C55-4D8C-A5D3-7AFAB07FE582}" srcOrd="1" destOrd="0" presId="urn:microsoft.com/office/officeart/2008/layout/SquareAccentList"/>
    <dgm:cxn modelId="{26965032-CC47-4D98-A13A-F79C5D28073A}" type="presParOf" srcId="{632A0B21-E009-43B4-A9CD-1D08954EA7E6}" destId="{B7061B8B-1383-421A-99AC-526CF7C9BE74}" srcOrd="2" destOrd="0" presId="urn:microsoft.com/office/officeart/2008/layout/SquareAccentList"/>
    <dgm:cxn modelId="{09BF89FF-1B82-43BA-B62D-EDDB34729506}" type="presParOf" srcId="{759E421C-B559-48A7-AD3B-D0E4BA41EF5C}" destId="{1AD12CF2-DFD5-477C-868F-27071C0A50B2}" srcOrd="1" destOrd="0" presId="urn:microsoft.com/office/officeart/2008/layout/SquareAccentList"/>
    <dgm:cxn modelId="{A606A40D-50D7-4318-948B-918911EF4932}" type="presParOf" srcId="{1AD12CF2-DFD5-477C-868F-27071C0A50B2}" destId="{61DE4505-2C2D-4CCC-9571-D700E0B9F389}" srcOrd="0" destOrd="0" presId="urn:microsoft.com/office/officeart/2008/layout/SquareAccentList"/>
    <dgm:cxn modelId="{654FCCE1-A0B6-4729-A3B3-6147322CAF61}" type="presParOf" srcId="{61DE4505-2C2D-4CCC-9571-D700E0B9F389}" destId="{709C632C-F821-46C8-8EFA-4A2B0F2CFC43}" srcOrd="0" destOrd="0" presId="urn:microsoft.com/office/officeart/2008/layout/SquareAccentList"/>
    <dgm:cxn modelId="{DDE4741D-9D0C-4A17-BA89-DB231530F669}" type="presParOf" srcId="{61DE4505-2C2D-4CCC-9571-D700E0B9F389}" destId="{26204E24-09CE-41F4-AE4D-FA345A17C5F8}" srcOrd="1" destOrd="0" presId="urn:microsoft.com/office/officeart/2008/layout/SquareAccentList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482CAD58-8358-4D90-87C8-6CBF50050BF7}">
      <dsp:nvSpPr>
        <dsp:cNvPr id="0" name=""/>
        <dsp:cNvSpPr/>
      </dsp:nvSpPr>
      <dsp:spPr>
        <a:xfrm>
          <a:off x="3061376" y="1785"/>
          <a:ext cx="5431536" cy="966890"/>
        </a:xfrm>
        <a:prstGeom prst="rightArrow">
          <a:avLst>
            <a:gd name="adj1" fmla="val 75000"/>
            <a:gd name="adj2" fmla="val 50000"/>
          </a:avLst>
        </a:prstGeom>
        <a:solidFill>
          <a:schemeClr val="accent1">
            <a:alpha val="90000"/>
            <a:tint val="4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065" tIns="12065" rIns="12065" bIns="12065" numCol="1" spcCol="1270" anchor="t" anchorCtr="0">
          <a:noAutofit/>
        </a:bodyPr>
        <a:lstStyle/>
        <a:p>
          <a:pPr marL="171450" lvl="1" indent="-171450" algn="l" defTabSz="8445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GB" sz="19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Introduction of the Ministerial &amp; SAPS Transformation Task Team Member</a:t>
          </a:r>
          <a:endParaRPr lang="en-ZA" sz="19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3061376" y="1785"/>
        <a:ext cx="5431536" cy="966890"/>
      </dsp:txXfrm>
    </dsp:sp>
    <dsp:sp modelId="{32D536AC-5FF4-4E0F-B4E2-B8F8A3A7D2BD}">
      <dsp:nvSpPr>
        <dsp:cNvPr id="0" name=""/>
        <dsp:cNvSpPr/>
      </dsp:nvSpPr>
      <dsp:spPr>
        <a:xfrm>
          <a:off x="559647" y="1785"/>
          <a:ext cx="2501729" cy="96689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2390" tIns="36195" rIns="72390" bIns="36195" numCol="1" spcCol="1270" anchor="ctr" anchorCtr="0">
          <a:noAutofit/>
        </a:bodyPr>
        <a:lstStyle/>
        <a:p>
          <a:pPr lvl="0" algn="ctr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9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1</a:t>
          </a:r>
          <a:endParaRPr lang="en-ZA" sz="19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559647" y="1785"/>
        <a:ext cx="2501729" cy="966890"/>
      </dsp:txXfrm>
    </dsp:sp>
    <dsp:sp modelId="{B182E3CA-23F3-4280-8269-0806EB1D1195}">
      <dsp:nvSpPr>
        <dsp:cNvPr id="0" name=""/>
        <dsp:cNvSpPr/>
      </dsp:nvSpPr>
      <dsp:spPr>
        <a:xfrm>
          <a:off x="3061376" y="1065365"/>
          <a:ext cx="5431536" cy="966890"/>
        </a:xfrm>
        <a:prstGeom prst="rightArrow">
          <a:avLst>
            <a:gd name="adj1" fmla="val 75000"/>
            <a:gd name="adj2" fmla="val 50000"/>
          </a:avLst>
        </a:prstGeom>
        <a:solidFill>
          <a:schemeClr val="accent1">
            <a:alpha val="90000"/>
            <a:tint val="4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065" tIns="12065" rIns="12065" bIns="12065" numCol="1" spcCol="1270" anchor="t" anchorCtr="0">
          <a:noAutofit/>
        </a:bodyPr>
        <a:lstStyle/>
        <a:p>
          <a:pPr marL="171450" lvl="1" indent="-171450" algn="l" defTabSz="8445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GB" sz="19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Strategic Planning Workshop</a:t>
          </a:r>
          <a:endParaRPr lang="en-ZA" sz="19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3061376" y="1065365"/>
        <a:ext cx="5431536" cy="966890"/>
      </dsp:txXfrm>
    </dsp:sp>
    <dsp:sp modelId="{33DA185E-8F67-47C9-B8EE-874D2FD08957}">
      <dsp:nvSpPr>
        <dsp:cNvPr id="0" name=""/>
        <dsp:cNvSpPr/>
      </dsp:nvSpPr>
      <dsp:spPr>
        <a:xfrm>
          <a:off x="559647" y="1065365"/>
          <a:ext cx="2501729" cy="96689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2390" tIns="36195" rIns="72390" bIns="36195" numCol="1" spcCol="1270" anchor="ctr" anchorCtr="0">
          <a:noAutofit/>
        </a:bodyPr>
        <a:lstStyle/>
        <a:p>
          <a:pPr lvl="0" algn="ctr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9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2</a:t>
          </a:r>
        </a:p>
      </dsp:txBody>
      <dsp:txXfrm>
        <a:off x="559647" y="1065365"/>
        <a:ext cx="2501729" cy="966890"/>
      </dsp:txXfrm>
    </dsp:sp>
    <dsp:sp modelId="{7A1861AA-C959-4652-86ED-32C220B4D02D}">
      <dsp:nvSpPr>
        <dsp:cNvPr id="0" name=""/>
        <dsp:cNvSpPr/>
      </dsp:nvSpPr>
      <dsp:spPr>
        <a:xfrm>
          <a:off x="3073000" y="2128944"/>
          <a:ext cx="5431536" cy="966890"/>
        </a:xfrm>
        <a:prstGeom prst="rightArrow">
          <a:avLst>
            <a:gd name="adj1" fmla="val 75000"/>
            <a:gd name="adj2" fmla="val 50000"/>
          </a:avLst>
        </a:prstGeom>
        <a:solidFill>
          <a:schemeClr val="accent1">
            <a:alpha val="90000"/>
            <a:tint val="4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065" tIns="12065" rIns="12065" bIns="12065" numCol="1" spcCol="1270" anchor="t" anchorCtr="0">
          <a:noAutofit/>
        </a:bodyPr>
        <a:lstStyle/>
        <a:p>
          <a:pPr marL="171450" lvl="1" indent="-171450" algn="l" defTabSz="8445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GB" sz="19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Benchmarking of Best Practices both Local/Domestic and International</a:t>
          </a:r>
          <a:endParaRPr lang="en-ZA" sz="19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3073000" y="2128944"/>
        <a:ext cx="5431536" cy="966890"/>
      </dsp:txXfrm>
    </dsp:sp>
    <dsp:sp modelId="{76B1DABB-D566-4210-8F44-4BCD855C4D37}">
      <dsp:nvSpPr>
        <dsp:cNvPr id="0" name=""/>
        <dsp:cNvSpPr/>
      </dsp:nvSpPr>
      <dsp:spPr>
        <a:xfrm>
          <a:off x="548023" y="2128944"/>
          <a:ext cx="2524976" cy="96689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2390" tIns="36195" rIns="72390" bIns="36195" numCol="1" spcCol="1270" anchor="ctr" anchorCtr="0">
          <a:noAutofit/>
        </a:bodyPr>
        <a:lstStyle/>
        <a:p>
          <a:pPr lvl="0" algn="ctr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9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3</a:t>
          </a:r>
          <a:endParaRPr lang="en-ZA" sz="19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548023" y="2128944"/>
        <a:ext cx="2524976" cy="966890"/>
      </dsp:txXfrm>
    </dsp:sp>
    <dsp:sp modelId="{E30CA207-5B8A-4802-AA3B-B642226C002C}">
      <dsp:nvSpPr>
        <dsp:cNvPr id="0" name=""/>
        <dsp:cNvSpPr/>
      </dsp:nvSpPr>
      <dsp:spPr>
        <a:xfrm>
          <a:off x="3061376" y="3192524"/>
          <a:ext cx="5431536" cy="966890"/>
        </a:xfrm>
        <a:prstGeom prst="rightArrow">
          <a:avLst>
            <a:gd name="adj1" fmla="val 75000"/>
            <a:gd name="adj2" fmla="val 50000"/>
          </a:avLst>
        </a:prstGeom>
        <a:solidFill>
          <a:schemeClr val="accent1">
            <a:alpha val="90000"/>
            <a:tint val="4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065" tIns="12065" rIns="12065" bIns="12065" numCol="1" spcCol="1270" anchor="t" anchorCtr="0">
          <a:noAutofit/>
        </a:bodyPr>
        <a:lstStyle/>
        <a:p>
          <a:pPr marL="171450" lvl="1" indent="-171450" algn="l" defTabSz="8445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GB" sz="19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uditing and Reviewing of policies, national instructions, standing orders &amp; operational standards of the SAPS</a:t>
          </a:r>
          <a:endParaRPr lang="en-ZA" sz="19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3061376" y="3192524"/>
        <a:ext cx="5431536" cy="966890"/>
      </dsp:txXfrm>
    </dsp:sp>
    <dsp:sp modelId="{357131BB-BEE9-4E61-BEE9-DF4D9EE2422C}">
      <dsp:nvSpPr>
        <dsp:cNvPr id="0" name=""/>
        <dsp:cNvSpPr/>
      </dsp:nvSpPr>
      <dsp:spPr>
        <a:xfrm>
          <a:off x="559647" y="3192524"/>
          <a:ext cx="2501729" cy="96689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2390" tIns="36195" rIns="72390" bIns="36195" numCol="1" spcCol="1270" anchor="ctr" anchorCtr="0">
          <a:noAutofit/>
        </a:bodyPr>
        <a:lstStyle/>
        <a:p>
          <a:pPr lvl="0" algn="ctr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9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4</a:t>
          </a:r>
          <a:endParaRPr lang="en-ZA" sz="19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559647" y="3192524"/>
        <a:ext cx="2501729" cy="966890"/>
      </dsp:txXfrm>
    </dsp:sp>
    <dsp:sp modelId="{65DA0F48-92A8-40E3-B11D-37C7851E4EF7}">
      <dsp:nvSpPr>
        <dsp:cNvPr id="0" name=""/>
        <dsp:cNvSpPr/>
      </dsp:nvSpPr>
      <dsp:spPr>
        <a:xfrm>
          <a:off x="3061376" y="4256103"/>
          <a:ext cx="5431536" cy="966890"/>
        </a:xfrm>
        <a:prstGeom prst="rightArrow">
          <a:avLst>
            <a:gd name="adj1" fmla="val 75000"/>
            <a:gd name="adj2" fmla="val 50000"/>
          </a:avLst>
        </a:prstGeom>
        <a:solidFill>
          <a:schemeClr val="accent1">
            <a:alpha val="90000"/>
            <a:tint val="4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065" tIns="12065" rIns="12065" bIns="12065" numCol="1" spcCol="1270" anchor="t" anchorCtr="0">
          <a:noAutofit/>
        </a:bodyPr>
        <a:lstStyle/>
        <a:p>
          <a:pPr marL="171450" lvl="1" indent="-171450" algn="l" defTabSz="8445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GB" sz="1900" kern="120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Final Review Report presented to the Executive Authority</a:t>
          </a:r>
          <a:endParaRPr lang="en-ZA" sz="19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3061376" y="4256103"/>
        <a:ext cx="5431536" cy="966890"/>
      </dsp:txXfrm>
    </dsp:sp>
    <dsp:sp modelId="{A54346A4-4F10-42B6-B170-F64791E20746}">
      <dsp:nvSpPr>
        <dsp:cNvPr id="0" name=""/>
        <dsp:cNvSpPr/>
      </dsp:nvSpPr>
      <dsp:spPr>
        <a:xfrm>
          <a:off x="559647" y="4256103"/>
          <a:ext cx="2501729" cy="966890"/>
        </a:xfrm>
        <a:prstGeom prst="round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2390" tIns="36195" rIns="72390" bIns="36195" numCol="1" spcCol="1270" anchor="ctr" anchorCtr="0">
          <a:noAutofit/>
        </a:bodyPr>
        <a:lstStyle/>
        <a:p>
          <a:pPr lvl="0" algn="ctr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9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hase 5</a:t>
          </a:r>
          <a:endParaRPr lang="en-ZA" sz="19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559647" y="4256103"/>
        <a:ext cx="2501729" cy="966890"/>
      </dsp:txXfrm>
    </dsp:sp>
  </dsp:spTree>
</dsp:drawing>
</file>

<file path=ppt/diagrams/drawing10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38EF8B21-1A33-4ED0-A352-DBB8CB5B1B48}">
      <dsp:nvSpPr>
        <dsp:cNvPr id="0" name=""/>
        <dsp:cNvSpPr/>
      </dsp:nvSpPr>
      <dsp:spPr>
        <a:xfrm>
          <a:off x="1004546" y="715736"/>
          <a:ext cx="6450296" cy="548145"/>
        </a:xfrm>
        <a:prstGeom prst="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</dsp:sp>
    <dsp:sp modelId="{975893C4-4C55-4D8C-A5D3-7AFAB07FE582}">
      <dsp:nvSpPr>
        <dsp:cNvPr id="0" name=""/>
        <dsp:cNvSpPr/>
      </dsp:nvSpPr>
      <dsp:spPr>
        <a:xfrm>
          <a:off x="1087834" y="792956"/>
          <a:ext cx="342284" cy="342284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7061B8B-1383-421A-99AC-526CF7C9BE74}">
      <dsp:nvSpPr>
        <dsp:cNvPr id="0" name=""/>
        <dsp:cNvSpPr/>
      </dsp:nvSpPr>
      <dsp:spPr>
        <a:xfrm>
          <a:off x="107968" y="0"/>
          <a:ext cx="8989022" cy="9847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30480" rIns="45720" bIns="30480" numCol="1" spcCol="1270" anchor="ctr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400" b="1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MILITARIZATION OF THE POLICE SERVICE</a:t>
          </a:r>
          <a:endParaRPr lang="en-ZA" sz="2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107968" y="0"/>
        <a:ext cx="8989022" cy="984700"/>
      </dsp:txXfrm>
    </dsp:sp>
    <dsp:sp modelId="{709C632C-F821-46C8-8EFA-4A2B0F2CFC43}">
      <dsp:nvSpPr>
        <dsp:cNvPr id="0" name=""/>
        <dsp:cNvSpPr/>
      </dsp:nvSpPr>
      <dsp:spPr>
        <a:xfrm>
          <a:off x="210764" y="1839050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26204E24-09CE-41F4-AE4D-FA345A17C5F8}">
      <dsp:nvSpPr>
        <dsp:cNvPr id="0" name=""/>
        <dsp:cNvSpPr/>
      </dsp:nvSpPr>
      <dsp:spPr>
        <a:xfrm>
          <a:off x="736613" y="1645007"/>
          <a:ext cx="774527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Implementation of the approved recommendations from the Panel of Experts</a:t>
          </a:r>
        </a:p>
      </dsp:txBody>
      <dsp:txXfrm>
        <a:off x="736613" y="1645007"/>
        <a:ext cx="7745271" cy="797846"/>
      </dsp:txXfrm>
    </dsp:sp>
    <dsp:sp modelId="{E88F848A-B10F-44C4-92B6-351DD043D122}">
      <dsp:nvSpPr>
        <dsp:cNvPr id="0" name=""/>
        <dsp:cNvSpPr/>
      </dsp:nvSpPr>
      <dsp:spPr>
        <a:xfrm>
          <a:off x="210762" y="2657624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70FBC9A-AB6F-4C18-9884-060CA4074485}">
      <dsp:nvSpPr>
        <dsp:cNvPr id="0" name=""/>
        <dsp:cNvSpPr/>
      </dsp:nvSpPr>
      <dsp:spPr>
        <a:xfrm>
          <a:off x="734923" y="2465464"/>
          <a:ext cx="8470024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onduct impact study – SAPS Ranks</a:t>
          </a:r>
          <a:endParaRPr lang="en-ZA" sz="22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734923" y="2465464"/>
        <a:ext cx="8470024" cy="797846"/>
      </dsp:txXfrm>
    </dsp:sp>
    <dsp:sp modelId="{6D2DFDF3-54AF-4794-938D-C0636BFA1288}">
      <dsp:nvSpPr>
        <dsp:cNvPr id="0" name=""/>
        <dsp:cNvSpPr/>
      </dsp:nvSpPr>
      <dsp:spPr>
        <a:xfrm>
          <a:off x="210763" y="3443775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650FF15-284A-46EA-A33F-708376F74A9F}">
      <dsp:nvSpPr>
        <dsp:cNvPr id="0" name=""/>
        <dsp:cNvSpPr/>
      </dsp:nvSpPr>
      <dsp:spPr>
        <a:xfrm>
          <a:off x="717678" y="3297323"/>
          <a:ext cx="811471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the SAPS organisational culture</a:t>
          </a:r>
        </a:p>
      </dsp:txBody>
      <dsp:txXfrm>
        <a:off x="717678" y="3297323"/>
        <a:ext cx="8114711" cy="797846"/>
      </dsp:txXfrm>
    </dsp:sp>
    <dsp:sp modelId="{35A30143-39F6-4E96-816B-61A883FEC5C5}">
      <dsp:nvSpPr>
        <dsp:cNvPr id="0" name=""/>
        <dsp:cNvSpPr/>
      </dsp:nvSpPr>
      <dsp:spPr>
        <a:xfrm>
          <a:off x="215012" y="4301917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7987EAE1-0162-4DD9-A7E3-EAB46F4A5925}">
      <dsp:nvSpPr>
        <dsp:cNvPr id="0" name=""/>
        <dsp:cNvSpPr/>
      </dsp:nvSpPr>
      <dsp:spPr>
        <a:xfrm>
          <a:off x="703205" y="4161502"/>
          <a:ext cx="8375996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the current guidelines on Community Policing</a:t>
          </a:r>
        </a:p>
      </dsp:txBody>
      <dsp:txXfrm>
        <a:off x="703205" y="4161502"/>
        <a:ext cx="8375996" cy="797846"/>
      </dsp:txXfrm>
    </dsp:sp>
  </dsp:spTree>
</dsp:drawing>
</file>

<file path=ppt/diagrams/drawing11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38EF8B21-1A33-4ED0-A352-DBB8CB5B1B48}">
      <dsp:nvSpPr>
        <dsp:cNvPr id="0" name=""/>
        <dsp:cNvSpPr/>
      </dsp:nvSpPr>
      <dsp:spPr>
        <a:xfrm>
          <a:off x="919286" y="732696"/>
          <a:ext cx="6603147" cy="561134"/>
        </a:xfrm>
        <a:prstGeom prst="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</dsp:sp>
    <dsp:sp modelId="{975893C4-4C55-4D8C-A5D3-7AFAB07FE582}">
      <dsp:nvSpPr>
        <dsp:cNvPr id="0" name=""/>
        <dsp:cNvSpPr/>
      </dsp:nvSpPr>
      <dsp:spPr>
        <a:xfrm>
          <a:off x="1004548" y="811747"/>
          <a:ext cx="350395" cy="350395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7061B8B-1383-421A-99AC-526CF7C9BE74}">
      <dsp:nvSpPr>
        <dsp:cNvPr id="0" name=""/>
        <dsp:cNvSpPr/>
      </dsp:nvSpPr>
      <dsp:spPr>
        <a:xfrm>
          <a:off x="1463" y="0"/>
          <a:ext cx="9202032" cy="1008034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30480" rIns="45720" bIns="30480" numCol="1" spcCol="1270" anchor="ctr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400" b="1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MILITARIZATION OF THE POLICE SERVICE</a:t>
          </a:r>
          <a:endParaRPr lang="en-ZA" sz="2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1463" y="0"/>
        <a:ext cx="9202032" cy="1008034"/>
      </dsp:txXfrm>
    </dsp:sp>
    <dsp:sp modelId="{709C632C-F821-46C8-8EFA-4A2B0F2CFC43}">
      <dsp:nvSpPr>
        <dsp:cNvPr id="0" name=""/>
        <dsp:cNvSpPr/>
      </dsp:nvSpPr>
      <dsp:spPr>
        <a:xfrm>
          <a:off x="106694" y="1882629"/>
          <a:ext cx="350386" cy="35038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26204E24-09CE-41F4-AE4D-FA345A17C5F8}">
      <dsp:nvSpPr>
        <dsp:cNvPr id="0" name=""/>
        <dsp:cNvSpPr/>
      </dsp:nvSpPr>
      <dsp:spPr>
        <a:xfrm>
          <a:off x="564984" y="1695414"/>
          <a:ext cx="7928809" cy="816752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ivilian based Police Service Charter – Determine citizen image, trust and needs (Climate survey)</a:t>
          </a:r>
        </a:p>
      </dsp:txBody>
      <dsp:txXfrm>
        <a:off x="564984" y="1695414"/>
        <a:ext cx="7928809" cy="816752"/>
      </dsp:txXfrm>
    </dsp:sp>
    <dsp:sp modelId="{E88F848A-B10F-44C4-92B6-351DD043D122}">
      <dsp:nvSpPr>
        <dsp:cNvPr id="0" name=""/>
        <dsp:cNvSpPr/>
      </dsp:nvSpPr>
      <dsp:spPr>
        <a:xfrm>
          <a:off x="106692" y="2720601"/>
          <a:ext cx="350386" cy="35038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70FBC9A-AB6F-4C18-9884-060CA4074485}">
      <dsp:nvSpPr>
        <dsp:cNvPr id="0" name=""/>
        <dsp:cNvSpPr/>
      </dsp:nvSpPr>
      <dsp:spPr>
        <a:xfrm>
          <a:off x="534223" y="2523887"/>
          <a:ext cx="8670736" cy="816752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 Smart Policing Strategy – Safe cities and country that conforms to the Constitution and NDP resolutions</a:t>
          </a:r>
          <a:endParaRPr lang="en-ZA" sz="22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534223" y="2523887"/>
        <a:ext cx="8670736" cy="816752"/>
      </dsp:txXfrm>
    </dsp:sp>
    <dsp:sp modelId="{6D2DFDF3-54AF-4794-938D-C0636BFA1288}">
      <dsp:nvSpPr>
        <dsp:cNvPr id="0" name=""/>
        <dsp:cNvSpPr/>
      </dsp:nvSpPr>
      <dsp:spPr>
        <a:xfrm>
          <a:off x="106694" y="3525381"/>
          <a:ext cx="350386" cy="35038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650FF15-284A-46EA-A33F-708376F74A9F}">
      <dsp:nvSpPr>
        <dsp:cNvPr id="0" name=""/>
        <dsp:cNvSpPr/>
      </dsp:nvSpPr>
      <dsp:spPr>
        <a:xfrm>
          <a:off x="556999" y="3386885"/>
          <a:ext cx="8307002" cy="816752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Obtain and analyse Policies, National Instructions, Standing Orders, MOUs &amp; Operating Standards</a:t>
          </a:r>
        </a:p>
      </dsp:txBody>
      <dsp:txXfrm>
        <a:off x="556999" y="3386885"/>
        <a:ext cx="8307002" cy="816752"/>
      </dsp:txXfrm>
    </dsp:sp>
  </dsp:spTree>
</dsp:drawing>
</file>

<file path=ppt/diagrams/drawing12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38EF8B21-1A33-4ED0-A352-DBB8CB5B1B48}">
      <dsp:nvSpPr>
        <dsp:cNvPr id="0" name=""/>
        <dsp:cNvSpPr/>
      </dsp:nvSpPr>
      <dsp:spPr>
        <a:xfrm>
          <a:off x="1004546" y="715736"/>
          <a:ext cx="6450296" cy="548145"/>
        </a:xfrm>
        <a:prstGeom prst="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</dsp:sp>
    <dsp:sp modelId="{975893C4-4C55-4D8C-A5D3-7AFAB07FE582}">
      <dsp:nvSpPr>
        <dsp:cNvPr id="0" name=""/>
        <dsp:cNvSpPr/>
      </dsp:nvSpPr>
      <dsp:spPr>
        <a:xfrm>
          <a:off x="1087834" y="792956"/>
          <a:ext cx="342284" cy="342284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7061B8B-1383-421A-99AC-526CF7C9BE74}">
      <dsp:nvSpPr>
        <dsp:cNvPr id="0" name=""/>
        <dsp:cNvSpPr/>
      </dsp:nvSpPr>
      <dsp:spPr>
        <a:xfrm>
          <a:off x="107968" y="0"/>
          <a:ext cx="8989022" cy="9847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30480" rIns="45720" bIns="30480" numCol="1" spcCol="1270" anchor="ctr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400" b="1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IMPROVING THE LIVING CONDITIONS OF POLICE OFFICERS</a:t>
          </a:r>
          <a:endParaRPr lang="en-ZA" sz="2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107968" y="0"/>
        <a:ext cx="8989022" cy="984700"/>
      </dsp:txXfrm>
    </dsp:sp>
    <dsp:sp modelId="{709C632C-F821-46C8-8EFA-4A2B0F2CFC43}">
      <dsp:nvSpPr>
        <dsp:cNvPr id="0" name=""/>
        <dsp:cNvSpPr/>
      </dsp:nvSpPr>
      <dsp:spPr>
        <a:xfrm>
          <a:off x="210764" y="1839050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26204E24-09CE-41F4-AE4D-FA345A17C5F8}">
      <dsp:nvSpPr>
        <dsp:cNvPr id="0" name=""/>
        <dsp:cNvSpPr/>
      </dsp:nvSpPr>
      <dsp:spPr>
        <a:xfrm>
          <a:off x="736613" y="1645007"/>
          <a:ext cx="774527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Salary structures and levels of police officers optimised to meet basic conditions of service conducive to working conditions </a:t>
          </a:r>
        </a:p>
      </dsp:txBody>
      <dsp:txXfrm>
        <a:off x="736613" y="1645007"/>
        <a:ext cx="7745271" cy="797846"/>
      </dsp:txXfrm>
    </dsp:sp>
    <dsp:sp modelId="{E88F848A-B10F-44C4-92B6-351DD043D122}">
      <dsp:nvSpPr>
        <dsp:cNvPr id="0" name=""/>
        <dsp:cNvSpPr/>
      </dsp:nvSpPr>
      <dsp:spPr>
        <a:xfrm>
          <a:off x="210762" y="2657624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70FBC9A-AB6F-4C18-9884-060CA4074485}">
      <dsp:nvSpPr>
        <dsp:cNvPr id="0" name=""/>
        <dsp:cNvSpPr/>
      </dsp:nvSpPr>
      <dsp:spPr>
        <a:xfrm>
          <a:off x="734923" y="2465464"/>
          <a:ext cx="8470024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National Instruction on placement, transfers, transporting and accommodation for police officers</a:t>
          </a:r>
          <a:endParaRPr lang="en-ZA" sz="22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734923" y="2465464"/>
        <a:ext cx="8470024" cy="797846"/>
      </dsp:txXfrm>
    </dsp:sp>
    <dsp:sp modelId="{6D2DFDF3-54AF-4794-938D-C0636BFA1288}">
      <dsp:nvSpPr>
        <dsp:cNvPr id="0" name=""/>
        <dsp:cNvSpPr/>
      </dsp:nvSpPr>
      <dsp:spPr>
        <a:xfrm>
          <a:off x="210763" y="3443775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650FF15-284A-46EA-A33F-708376F74A9F}">
      <dsp:nvSpPr>
        <dsp:cNvPr id="0" name=""/>
        <dsp:cNvSpPr/>
      </dsp:nvSpPr>
      <dsp:spPr>
        <a:xfrm>
          <a:off x="717678" y="3297323"/>
          <a:ext cx="811471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career path and progression of police officers from entry to exit</a:t>
          </a:r>
        </a:p>
      </dsp:txBody>
      <dsp:txXfrm>
        <a:off x="717678" y="3297323"/>
        <a:ext cx="8114711" cy="797846"/>
      </dsp:txXfrm>
    </dsp:sp>
    <dsp:sp modelId="{35A30143-39F6-4E96-816B-61A883FEC5C5}">
      <dsp:nvSpPr>
        <dsp:cNvPr id="0" name=""/>
        <dsp:cNvSpPr/>
      </dsp:nvSpPr>
      <dsp:spPr>
        <a:xfrm>
          <a:off x="215012" y="4301917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7987EAE1-0162-4DD9-A7E3-EAB46F4A5925}">
      <dsp:nvSpPr>
        <dsp:cNvPr id="0" name=""/>
        <dsp:cNvSpPr/>
      </dsp:nvSpPr>
      <dsp:spPr>
        <a:xfrm>
          <a:off x="703205" y="4161502"/>
          <a:ext cx="8375996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living conditions of police officers</a:t>
          </a:r>
        </a:p>
      </dsp:txBody>
      <dsp:txXfrm>
        <a:off x="703205" y="4161502"/>
        <a:ext cx="8375996" cy="797846"/>
      </dsp:txXfrm>
    </dsp:sp>
  </dsp:spTree>
</dsp:drawing>
</file>

<file path=ppt/diagrams/drawing13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</dsp:spTree>
</dsp:drawing>
</file>

<file path=ppt/diagrams/drawing14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</dsp:spTree>
</dsp:drawing>
</file>

<file path=ppt/diagrams/drawing2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B9601203-9835-4BD2-8B32-9740DDFE2999}">
      <dsp:nvSpPr>
        <dsp:cNvPr id="0" name=""/>
        <dsp:cNvSpPr/>
      </dsp:nvSpPr>
      <dsp:spPr>
        <a:xfrm>
          <a:off x="0" y="352894"/>
          <a:ext cx="8907780" cy="478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9404614C-B3E2-4BD3-88DE-F05C4B42107D}">
      <dsp:nvSpPr>
        <dsp:cNvPr id="0" name=""/>
        <dsp:cNvSpPr/>
      </dsp:nvSpPr>
      <dsp:spPr>
        <a:xfrm>
          <a:off x="445389" y="72454"/>
          <a:ext cx="6235446" cy="560880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>
          <a:noFill/>
        </a:ln>
        <a:effectLst/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35685" tIns="0" rIns="235685" bIns="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JECT MANAGEMENT OFFICE APPOINTED</a:t>
          </a:r>
          <a:endParaRPr lang="en-ZA" sz="1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445389" y="72454"/>
        <a:ext cx="6235446" cy="560880"/>
      </dsp:txXfrm>
    </dsp:sp>
    <dsp:sp modelId="{09394488-B3CA-4C34-B039-CB1E0CDE6652}">
      <dsp:nvSpPr>
        <dsp:cNvPr id="0" name=""/>
        <dsp:cNvSpPr/>
      </dsp:nvSpPr>
      <dsp:spPr>
        <a:xfrm>
          <a:off x="0" y="1214735"/>
          <a:ext cx="8907780" cy="478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06AF9ED1-CB33-4FC5-8848-2ED60A01B023}">
      <dsp:nvSpPr>
        <dsp:cNvPr id="0" name=""/>
        <dsp:cNvSpPr/>
      </dsp:nvSpPr>
      <dsp:spPr>
        <a:xfrm>
          <a:off x="445389" y="934295"/>
          <a:ext cx="6235446" cy="560880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>
          <a:noFill/>
        </a:ln>
        <a:effectLst/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35685" tIns="0" rIns="235685" bIns="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PPOINTMENT OF ADMINISTRATORS IS AT ADVANCED STAGE</a:t>
          </a:r>
          <a:endParaRPr lang="en-ZA" sz="1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445389" y="934295"/>
        <a:ext cx="6235446" cy="560880"/>
      </dsp:txXfrm>
    </dsp:sp>
    <dsp:sp modelId="{4F7CA317-7B46-421E-AF15-E876446FB188}">
      <dsp:nvSpPr>
        <dsp:cNvPr id="0" name=""/>
        <dsp:cNvSpPr/>
      </dsp:nvSpPr>
      <dsp:spPr>
        <a:xfrm>
          <a:off x="0" y="2076575"/>
          <a:ext cx="8907780" cy="478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1DE35D4-9FDA-49EE-962C-EEDA44A57DF3}">
      <dsp:nvSpPr>
        <dsp:cNvPr id="0" name=""/>
        <dsp:cNvSpPr/>
      </dsp:nvSpPr>
      <dsp:spPr>
        <a:xfrm>
          <a:off x="445389" y="1796135"/>
          <a:ext cx="6235446" cy="560880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>
          <a:noFill/>
        </a:ln>
        <a:effectLst/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35685" tIns="0" rIns="235685" bIns="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THE MOMERUNDUM OF UNDERSTANDING BETWEEN SAPS AND PSIRA </a:t>
          </a:r>
          <a:endParaRPr lang="en-ZA" sz="1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445389" y="1796135"/>
        <a:ext cx="6235446" cy="560880"/>
      </dsp:txXfrm>
    </dsp:sp>
    <dsp:sp modelId="{3BCB0179-C94C-40C2-ABD1-3EBF37800AAA}">
      <dsp:nvSpPr>
        <dsp:cNvPr id="0" name=""/>
        <dsp:cNvSpPr/>
      </dsp:nvSpPr>
      <dsp:spPr>
        <a:xfrm>
          <a:off x="0" y="2938415"/>
          <a:ext cx="8907780" cy="478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23EC5EC6-0C57-46D5-BDAC-F5FD7594AED3}">
      <dsp:nvSpPr>
        <dsp:cNvPr id="0" name=""/>
        <dsp:cNvSpPr/>
      </dsp:nvSpPr>
      <dsp:spPr>
        <a:xfrm>
          <a:off x="445389" y="2657975"/>
          <a:ext cx="6235446" cy="560880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>
          <a:noFill/>
        </a:ln>
        <a:effectLst/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35685" tIns="0" rIns="235685" bIns="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HAIRPERSONS OFFICE CAPACITATED</a:t>
          </a:r>
          <a:endParaRPr lang="en-ZA" sz="1400" kern="1200" dirty="0" smtClean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445389" y="2657975"/>
        <a:ext cx="6235446" cy="560880"/>
      </dsp:txXfrm>
    </dsp:sp>
    <dsp:sp modelId="{0491ECE4-CC77-4287-A284-9755938A122D}">
      <dsp:nvSpPr>
        <dsp:cNvPr id="0" name=""/>
        <dsp:cNvSpPr/>
      </dsp:nvSpPr>
      <dsp:spPr>
        <a:xfrm>
          <a:off x="0" y="3800255"/>
          <a:ext cx="8907780" cy="478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973DF11-BBE9-4386-9369-F61B22345DBA}">
      <dsp:nvSpPr>
        <dsp:cNvPr id="0" name=""/>
        <dsp:cNvSpPr/>
      </dsp:nvSpPr>
      <dsp:spPr>
        <a:xfrm>
          <a:off x="445389" y="3519815"/>
          <a:ext cx="6235446" cy="560880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>
          <a:noFill/>
        </a:ln>
        <a:effectLst/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35685" tIns="0" rIns="235685" bIns="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TASK TEAM INTRODUCED AND IN OPERATION</a:t>
          </a:r>
        </a:p>
      </dsp:txBody>
      <dsp:txXfrm>
        <a:off x="445389" y="3519815"/>
        <a:ext cx="6235446" cy="560880"/>
      </dsp:txXfrm>
    </dsp:sp>
    <dsp:sp modelId="{8871A91A-D26F-47FE-B53C-1D162B84AF1A}">
      <dsp:nvSpPr>
        <dsp:cNvPr id="0" name=""/>
        <dsp:cNvSpPr/>
      </dsp:nvSpPr>
      <dsp:spPr>
        <a:xfrm>
          <a:off x="0" y="4662095"/>
          <a:ext cx="8907780" cy="478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FA6C2075-78C3-43DA-9334-80D99FB72CE6}">
      <dsp:nvSpPr>
        <dsp:cNvPr id="0" name=""/>
        <dsp:cNvSpPr/>
      </dsp:nvSpPr>
      <dsp:spPr>
        <a:xfrm>
          <a:off x="445389" y="4381654"/>
          <a:ext cx="6235446" cy="560880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>
          <a:noFill/>
        </a:ln>
        <a:effectLst/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35685" tIns="0" rIns="235685" bIns="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LANNING WORKSHOP AND DRAFT ANNUAL PERFORMANCE PLAN DEVELOPED</a:t>
          </a:r>
        </a:p>
      </dsp:txBody>
      <dsp:txXfrm>
        <a:off x="445389" y="4381654"/>
        <a:ext cx="6235446" cy="560880"/>
      </dsp:txXfrm>
    </dsp:sp>
  </dsp:spTree>
</dsp:drawing>
</file>

<file path=ppt/diagrams/drawing3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B9601203-9835-4BD2-8B32-9740DDFE2999}">
      <dsp:nvSpPr>
        <dsp:cNvPr id="0" name=""/>
        <dsp:cNvSpPr/>
      </dsp:nvSpPr>
      <dsp:spPr>
        <a:xfrm>
          <a:off x="0" y="1058950"/>
          <a:ext cx="8907780" cy="9072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9404614C-B3E2-4BD3-88DE-F05C4B42107D}">
      <dsp:nvSpPr>
        <dsp:cNvPr id="0" name=""/>
        <dsp:cNvSpPr/>
      </dsp:nvSpPr>
      <dsp:spPr>
        <a:xfrm>
          <a:off x="445389" y="61289"/>
          <a:ext cx="6235446" cy="1529020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>
          <a:noFill/>
        </a:ln>
        <a:effectLst/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35685" tIns="0" rIns="235685" bIns="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ESTABLISH WORKSTREAMS FOR MSTTT: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POLICY AND LEGISLATIVE REVIEW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LEGAL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HUMAN RESOURCES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OPERATIONS</a:t>
          </a:r>
          <a:endParaRPr lang="en-ZA" sz="1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445389" y="61289"/>
        <a:ext cx="6235446" cy="1529020"/>
      </dsp:txXfrm>
    </dsp:sp>
    <dsp:sp modelId="{09394488-B3CA-4C34-B039-CB1E0CDE6652}">
      <dsp:nvSpPr>
        <dsp:cNvPr id="0" name=""/>
        <dsp:cNvSpPr/>
      </dsp:nvSpPr>
      <dsp:spPr>
        <a:xfrm>
          <a:off x="0" y="2691910"/>
          <a:ext cx="8907780" cy="9072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06AF9ED1-CB33-4FC5-8848-2ED60A01B023}">
      <dsp:nvSpPr>
        <dsp:cNvPr id="0" name=""/>
        <dsp:cNvSpPr/>
      </dsp:nvSpPr>
      <dsp:spPr>
        <a:xfrm>
          <a:off x="445389" y="2160550"/>
          <a:ext cx="6235446" cy="1062720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>
          <a:noFill/>
        </a:ln>
        <a:effectLst/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35685" tIns="0" rIns="235685" bIns="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MSTTT DRAFT ANNUAL PERFORMANCE PLAN</a:t>
          </a:r>
        </a:p>
      </dsp:txBody>
      <dsp:txXfrm>
        <a:off x="445389" y="2160550"/>
        <a:ext cx="6235446" cy="1062720"/>
      </dsp:txXfrm>
    </dsp:sp>
    <dsp:sp modelId="{347F9B79-779B-45CD-834D-816274C25C61}">
      <dsp:nvSpPr>
        <dsp:cNvPr id="0" name=""/>
        <dsp:cNvSpPr/>
      </dsp:nvSpPr>
      <dsp:spPr>
        <a:xfrm>
          <a:off x="0" y="4324870"/>
          <a:ext cx="8907780" cy="9072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AF852EFF-8F57-4273-87C4-F941CB9BF9CE}">
      <dsp:nvSpPr>
        <dsp:cNvPr id="0" name=""/>
        <dsp:cNvSpPr/>
      </dsp:nvSpPr>
      <dsp:spPr>
        <a:xfrm>
          <a:off x="445389" y="3793510"/>
          <a:ext cx="6235446" cy="1062720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>
          <a:noFill/>
        </a:ln>
        <a:effectLst/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35685" tIns="0" rIns="235685" bIns="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ANEL OF EXPERTS: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14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- FINAL REPORT TO BE PRESENTED TO MSTTT IN NOVEMBER 2017 FOR INCORPORATION AND IMPLEMENTATION </a:t>
          </a:r>
        </a:p>
      </dsp:txBody>
      <dsp:txXfrm>
        <a:off x="445389" y="3793510"/>
        <a:ext cx="6235446" cy="1062720"/>
      </dsp:txXfrm>
    </dsp:sp>
  </dsp:spTree>
</dsp:drawing>
</file>

<file path=ppt/diagrams/drawing4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38EF8B21-1A33-4ED0-A352-DBB8CB5B1B48}">
      <dsp:nvSpPr>
        <dsp:cNvPr id="0" name=""/>
        <dsp:cNvSpPr/>
      </dsp:nvSpPr>
      <dsp:spPr>
        <a:xfrm>
          <a:off x="1004546" y="715736"/>
          <a:ext cx="6450296" cy="548145"/>
        </a:xfrm>
        <a:prstGeom prst="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</dsp:sp>
    <dsp:sp modelId="{975893C4-4C55-4D8C-A5D3-7AFAB07FE582}">
      <dsp:nvSpPr>
        <dsp:cNvPr id="0" name=""/>
        <dsp:cNvSpPr/>
      </dsp:nvSpPr>
      <dsp:spPr>
        <a:xfrm>
          <a:off x="1087834" y="792956"/>
          <a:ext cx="342284" cy="342284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7061B8B-1383-421A-99AC-526CF7C9BE74}">
      <dsp:nvSpPr>
        <dsp:cNvPr id="0" name=""/>
        <dsp:cNvSpPr/>
      </dsp:nvSpPr>
      <dsp:spPr>
        <a:xfrm>
          <a:off x="107968" y="0"/>
          <a:ext cx="8989022" cy="9847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30480" rIns="45720" bIns="30480" numCol="1" spcCol="1270" anchor="ctr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400" b="1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107968" y="0"/>
        <a:ext cx="8989022" cy="984700"/>
      </dsp:txXfrm>
    </dsp:sp>
    <dsp:sp modelId="{709C632C-F821-46C8-8EFA-4A2B0F2CFC43}">
      <dsp:nvSpPr>
        <dsp:cNvPr id="0" name=""/>
        <dsp:cNvSpPr/>
      </dsp:nvSpPr>
      <dsp:spPr>
        <a:xfrm>
          <a:off x="210764" y="1953336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26204E24-09CE-41F4-AE4D-FA345A17C5F8}">
      <dsp:nvSpPr>
        <dsp:cNvPr id="0" name=""/>
        <dsp:cNvSpPr/>
      </dsp:nvSpPr>
      <dsp:spPr>
        <a:xfrm>
          <a:off x="770888" y="1702156"/>
          <a:ext cx="774527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search Paper – State of policing in South Africa (including method of policing since 1995)</a:t>
          </a:r>
        </a:p>
      </dsp:txBody>
      <dsp:txXfrm>
        <a:off x="770888" y="1702156"/>
        <a:ext cx="7745271" cy="797846"/>
      </dsp:txXfrm>
    </dsp:sp>
    <dsp:sp modelId="{E88F848A-B10F-44C4-92B6-351DD043D122}">
      <dsp:nvSpPr>
        <dsp:cNvPr id="0" name=""/>
        <dsp:cNvSpPr/>
      </dsp:nvSpPr>
      <dsp:spPr>
        <a:xfrm>
          <a:off x="210762" y="2657624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70FBC9A-AB6F-4C18-9884-060CA4074485}">
      <dsp:nvSpPr>
        <dsp:cNvPr id="0" name=""/>
        <dsp:cNvSpPr/>
      </dsp:nvSpPr>
      <dsp:spPr>
        <a:xfrm>
          <a:off x="734923" y="2556889"/>
          <a:ext cx="8470024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ment of Competency Assessment Tool to establish quality and character of police members </a:t>
          </a:r>
          <a:endParaRPr lang="en-ZA" sz="22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734923" y="2556889"/>
        <a:ext cx="8470024" cy="797846"/>
      </dsp:txXfrm>
    </dsp:sp>
    <dsp:sp modelId="{6D2DFDF3-54AF-4794-938D-C0636BFA1288}">
      <dsp:nvSpPr>
        <dsp:cNvPr id="0" name=""/>
        <dsp:cNvSpPr/>
      </dsp:nvSpPr>
      <dsp:spPr>
        <a:xfrm>
          <a:off x="210763" y="3443775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650FF15-284A-46EA-A33F-708376F74A9F}">
      <dsp:nvSpPr>
        <dsp:cNvPr id="0" name=""/>
        <dsp:cNvSpPr/>
      </dsp:nvSpPr>
      <dsp:spPr>
        <a:xfrm>
          <a:off x="740556" y="3240173"/>
          <a:ext cx="811471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f the SAPS Recruitment to Retirement Strategy</a:t>
          </a:r>
        </a:p>
      </dsp:txBody>
      <dsp:txXfrm>
        <a:off x="740556" y="3240173"/>
        <a:ext cx="8114711" cy="797846"/>
      </dsp:txXfrm>
    </dsp:sp>
    <dsp:sp modelId="{35A30143-39F6-4E96-816B-61A883FEC5C5}">
      <dsp:nvSpPr>
        <dsp:cNvPr id="0" name=""/>
        <dsp:cNvSpPr/>
      </dsp:nvSpPr>
      <dsp:spPr>
        <a:xfrm>
          <a:off x="215012" y="4187631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7987EAE1-0162-4DD9-A7E3-EAB46F4A5925}">
      <dsp:nvSpPr>
        <dsp:cNvPr id="0" name=""/>
        <dsp:cNvSpPr/>
      </dsp:nvSpPr>
      <dsp:spPr>
        <a:xfrm>
          <a:off x="703205" y="4070061"/>
          <a:ext cx="8375996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ssess the alignment of the SAPS Performance Management Framework with DPSA and Treasury Guidelines</a:t>
          </a:r>
        </a:p>
      </dsp:txBody>
      <dsp:txXfrm>
        <a:off x="703205" y="4070061"/>
        <a:ext cx="8375996" cy="797846"/>
      </dsp:txXfrm>
    </dsp:sp>
  </dsp:spTree>
</dsp:drawing>
</file>

<file path=ppt/diagrams/drawing5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38EF8B21-1A33-4ED0-A352-DBB8CB5B1B48}">
      <dsp:nvSpPr>
        <dsp:cNvPr id="0" name=""/>
        <dsp:cNvSpPr/>
      </dsp:nvSpPr>
      <dsp:spPr>
        <a:xfrm>
          <a:off x="1004546" y="715736"/>
          <a:ext cx="6450296" cy="548145"/>
        </a:xfrm>
        <a:prstGeom prst="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</dsp:sp>
    <dsp:sp modelId="{975893C4-4C55-4D8C-A5D3-7AFAB07FE582}">
      <dsp:nvSpPr>
        <dsp:cNvPr id="0" name=""/>
        <dsp:cNvSpPr/>
      </dsp:nvSpPr>
      <dsp:spPr>
        <a:xfrm>
          <a:off x="1087834" y="792956"/>
          <a:ext cx="342284" cy="342284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7061B8B-1383-421A-99AC-526CF7C9BE74}">
      <dsp:nvSpPr>
        <dsp:cNvPr id="0" name=""/>
        <dsp:cNvSpPr/>
      </dsp:nvSpPr>
      <dsp:spPr>
        <a:xfrm>
          <a:off x="107968" y="0"/>
          <a:ext cx="8989022" cy="9847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30480" rIns="45720" bIns="30480" numCol="1" spcCol="1270" anchor="ctr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400" b="1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107968" y="0"/>
        <a:ext cx="8989022" cy="984700"/>
      </dsp:txXfrm>
    </dsp:sp>
    <dsp:sp modelId="{709C632C-F821-46C8-8EFA-4A2B0F2CFC43}">
      <dsp:nvSpPr>
        <dsp:cNvPr id="0" name=""/>
        <dsp:cNvSpPr/>
      </dsp:nvSpPr>
      <dsp:spPr>
        <a:xfrm>
          <a:off x="210764" y="1953336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26204E24-09CE-41F4-AE4D-FA345A17C5F8}">
      <dsp:nvSpPr>
        <dsp:cNvPr id="0" name=""/>
        <dsp:cNvSpPr/>
      </dsp:nvSpPr>
      <dsp:spPr>
        <a:xfrm>
          <a:off x="736613" y="1702156"/>
          <a:ext cx="774527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search Paper – SAPS Training and Development (Global Best Practice)</a:t>
          </a:r>
        </a:p>
      </dsp:txBody>
      <dsp:txXfrm>
        <a:off x="736613" y="1702156"/>
        <a:ext cx="7745271" cy="797846"/>
      </dsp:txXfrm>
    </dsp:sp>
    <dsp:sp modelId="{E88F848A-B10F-44C4-92B6-351DD043D122}">
      <dsp:nvSpPr>
        <dsp:cNvPr id="0" name=""/>
        <dsp:cNvSpPr/>
      </dsp:nvSpPr>
      <dsp:spPr>
        <a:xfrm>
          <a:off x="210762" y="2657624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70FBC9A-AB6F-4C18-9884-060CA4074485}">
      <dsp:nvSpPr>
        <dsp:cNvPr id="0" name=""/>
        <dsp:cNvSpPr/>
      </dsp:nvSpPr>
      <dsp:spPr>
        <a:xfrm>
          <a:off x="734923" y="2442590"/>
          <a:ext cx="8470024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ssessment of training facilities, equipment and infrastructure – </a:t>
          </a:r>
          <a:r>
            <a:rPr lang="en-ZA" sz="2200" kern="1200" dirty="0" err="1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Marikana</a:t>
          </a: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/ </a:t>
          </a:r>
          <a:r>
            <a:rPr lang="en-ZA" sz="2200" kern="1200" dirty="0" err="1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Farlam</a:t>
          </a: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Commission Recommendations </a:t>
          </a:r>
          <a:endParaRPr lang="en-ZA" sz="22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734923" y="2442590"/>
        <a:ext cx="8470024" cy="797846"/>
      </dsp:txXfrm>
    </dsp:sp>
    <dsp:sp modelId="{6D2DFDF3-54AF-4794-938D-C0636BFA1288}">
      <dsp:nvSpPr>
        <dsp:cNvPr id="0" name=""/>
        <dsp:cNvSpPr/>
      </dsp:nvSpPr>
      <dsp:spPr>
        <a:xfrm>
          <a:off x="210763" y="3443775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650FF15-284A-46EA-A33F-708376F74A9F}">
      <dsp:nvSpPr>
        <dsp:cNvPr id="0" name=""/>
        <dsp:cNvSpPr/>
      </dsp:nvSpPr>
      <dsp:spPr>
        <a:xfrm>
          <a:off x="717678" y="3297323"/>
          <a:ext cx="811471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hange Management - Develop a Conceptual Framework that facilitates adherence to Oath of Office</a:t>
          </a:r>
        </a:p>
      </dsp:txBody>
      <dsp:txXfrm>
        <a:off x="717678" y="3297323"/>
        <a:ext cx="8114711" cy="797846"/>
      </dsp:txXfrm>
    </dsp:sp>
    <dsp:sp modelId="{35A30143-39F6-4E96-816B-61A883FEC5C5}">
      <dsp:nvSpPr>
        <dsp:cNvPr id="0" name=""/>
        <dsp:cNvSpPr/>
      </dsp:nvSpPr>
      <dsp:spPr>
        <a:xfrm>
          <a:off x="215012" y="4187631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7987EAE1-0162-4DD9-A7E3-EAB46F4A5925}">
      <dsp:nvSpPr>
        <dsp:cNvPr id="0" name=""/>
        <dsp:cNvSpPr/>
      </dsp:nvSpPr>
      <dsp:spPr>
        <a:xfrm>
          <a:off x="703205" y="4070061"/>
          <a:ext cx="8375996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 a strategy on the implementation of the Oath of Office and Code of Conduct</a:t>
          </a:r>
        </a:p>
      </dsp:txBody>
      <dsp:txXfrm>
        <a:off x="703205" y="4070061"/>
        <a:ext cx="8375996" cy="797846"/>
      </dsp:txXfrm>
    </dsp:sp>
  </dsp:spTree>
</dsp:drawing>
</file>

<file path=ppt/diagrams/drawing6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38EF8B21-1A33-4ED0-A352-DBB8CB5B1B48}">
      <dsp:nvSpPr>
        <dsp:cNvPr id="0" name=""/>
        <dsp:cNvSpPr/>
      </dsp:nvSpPr>
      <dsp:spPr>
        <a:xfrm>
          <a:off x="1004546" y="715736"/>
          <a:ext cx="6450296" cy="548145"/>
        </a:xfrm>
        <a:prstGeom prst="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</dsp:sp>
    <dsp:sp modelId="{975893C4-4C55-4D8C-A5D3-7AFAB07FE582}">
      <dsp:nvSpPr>
        <dsp:cNvPr id="0" name=""/>
        <dsp:cNvSpPr/>
      </dsp:nvSpPr>
      <dsp:spPr>
        <a:xfrm>
          <a:off x="1087834" y="792956"/>
          <a:ext cx="342284" cy="342284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7061B8B-1383-421A-99AC-526CF7C9BE74}">
      <dsp:nvSpPr>
        <dsp:cNvPr id="0" name=""/>
        <dsp:cNvSpPr/>
      </dsp:nvSpPr>
      <dsp:spPr>
        <a:xfrm>
          <a:off x="107968" y="0"/>
          <a:ext cx="8989022" cy="9847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30480" rIns="45720" bIns="30480" numCol="1" spcCol="1270" anchor="ctr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400" b="1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107968" y="0"/>
        <a:ext cx="8989022" cy="984700"/>
      </dsp:txXfrm>
    </dsp:sp>
    <dsp:sp modelId="{709C632C-F821-46C8-8EFA-4A2B0F2CFC43}">
      <dsp:nvSpPr>
        <dsp:cNvPr id="0" name=""/>
        <dsp:cNvSpPr/>
      </dsp:nvSpPr>
      <dsp:spPr>
        <a:xfrm>
          <a:off x="210764" y="1953336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26204E24-09CE-41F4-AE4D-FA345A17C5F8}">
      <dsp:nvSpPr>
        <dsp:cNvPr id="0" name=""/>
        <dsp:cNvSpPr/>
      </dsp:nvSpPr>
      <dsp:spPr>
        <a:xfrm>
          <a:off x="736613" y="1702156"/>
          <a:ext cx="774527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ment of National Policing Policy in terms of Section 206 of the South African Constitution</a:t>
          </a:r>
        </a:p>
      </dsp:txBody>
      <dsp:txXfrm>
        <a:off x="736613" y="1702156"/>
        <a:ext cx="7745271" cy="797846"/>
      </dsp:txXfrm>
    </dsp:sp>
    <dsp:sp modelId="{E88F848A-B10F-44C4-92B6-351DD043D122}">
      <dsp:nvSpPr>
        <dsp:cNvPr id="0" name=""/>
        <dsp:cNvSpPr/>
      </dsp:nvSpPr>
      <dsp:spPr>
        <a:xfrm>
          <a:off x="210762" y="2657624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70FBC9A-AB6F-4C18-9884-060CA4074485}">
      <dsp:nvSpPr>
        <dsp:cNvPr id="0" name=""/>
        <dsp:cNvSpPr/>
      </dsp:nvSpPr>
      <dsp:spPr>
        <a:xfrm>
          <a:off x="734923" y="2545456"/>
          <a:ext cx="8470024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lign transformation of the SAPS to 8 dimensions of transformation of the Public Service</a:t>
          </a:r>
          <a:endParaRPr lang="en-ZA" sz="22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734923" y="2545456"/>
        <a:ext cx="8470024" cy="797846"/>
      </dsp:txXfrm>
    </dsp:sp>
    <dsp:sp modelId="{6D2DFDF3-54AF-4794-938D-C0636BFA1288}">
      <dsp:nvSpPr>
        <dsp:cNvPr id="0" name=""/>
        <dsp:cNvSpPr/>
      </dsp:nvSpPr>
      <dsp:spPr>
        <a:xfrm>
          <a:off x="210763" y="3443775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650FF15-284A-46EA-A33F-708376F74A9F}">
      <dsp:nvSpPr>
        <dsp:cNvPr id="0" name=""/>
        <dsp:cNvSpPr/>
      </dsp:nvSpPr>
      <dsp:spPr>
        <a:xfrm>
          <a:off x="717678" y="3297323"/>
          <a:ext cx="811471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f minimum standards required for entering the SAPS</a:t>
          </a:r>
        </a:p>
      </dsp:txBody>
      <dsp:txXfrm>
        <a:off x="717678" y="3297323"/>
        <a:ext cx="8114711" cy="797846"/>
      </dsp:txXfrm>
    </dsp:sp>
    <dsp:sp modelId="{35A30143-39F6-4E96-816B-61A883FEC5C5}">
      <dsp:nvSpPr>
        <dsp:cNvPr id="0" name=""/>
        <dsp:cNvSpPr/>
      </dsp:nvSpPr>
      <dsp:spPr>
        <a:xfrm>
          <a:off x="215012" y="4187631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7987EAE1-0162-4DD9-A7E3-EAB46F4A5925}">
      <dsp:nvSpPr>
        <dsp:cNvPr id="0" name=""/>
        <dsp:cNvSpPr/>
      </dsp:nvSpPr>
      <dsp:spPr>
        <a:xfrm>
          <a:off x="703205" y="4070061"/>
          <a:ext cx="8375996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f existing Technology Management Systems for effective policing</a:t>
          </a:r>
        </a:p>
      </dsp:txBody>
      <dsp:txXfrm>
        <a:off x="703205" y="4070061"/>
        <a:ext cx="8375996" cy="797846"/>
      </dsp:txXfrm>
    </dsp:sp>
  </dsp:spTree>
</dsp:drawing>
</file>

<file path=ppt/diagrams/drawing7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38EF8B21-1A33-4ED0-A352-DBB8CB5B1B48}">
      <dsp:nvSpPr>
        <dsp:cNvPr id="0" name=""/>
        <dsp:cNvSpPr/>
      </dsp:nvSpPr>
      <dsp:spPr>
        <a:xfrm>
          <a:off x="1004546" y="715736"/>
          <a:ext cx="6450296" cy="548145"/>
        </a:xfrm>
        <a:prstGeom prst="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</dsp:sp>
    <dsp:sp modelId="{975893C4-4C55-4D8C-A5D3-7AFAB07FE582}">
      <dsp:nvSpPr>
        <dsp:cNvPr id="0" name=""/>
        <dsp:cNvSpPr/>
      </dsp:nvSpPr>
      <dsp:spPr>
        <a:xfrm>
          <a:off x="1087834" y="792956"/>
          <a:ext cx="342284" cy="342284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7061B8B-1383-421A-99AC-526CF7C9BE74}">
      <dsp:nvSpPr>
        <dsp:cNvPr id="0" name=""/>
        <dsp:cNvSpPr/>
      </dsp:nvSpPr>
      <dsp:spPr>
        <a:xfrm>
          <a:off x="107968" y="0"/>
          <a:ext cx="8989022" cy="9847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30480" rIns="45720" bIns="30480" numCol="1" spcCol="1270" anchor="ctr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400" b="1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107968" y="0"/>
        <a:ext cx="8989022" cy="984700"/>
      </dsp:txXfrm>
    </dsp:sp>
    <dsp:sp modelId="{709C632C-F821-46C8-8EFA-4A2B0F2CFC43}">
      <dsp:nvSpPr>
        <dsp:cNvPr id="0" name=""/>
        <dsp:cNvSpPr/>
      </dsp:nvSpPr>
      <dsp:spPr>
        <a:xfrm>
          <a:off x="210764" y="1839050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26204E24-09CE-41F4-AE4D-FA345A17C5F8}">
      <dsp:nvSpPr>
        <dsp:cNvPr id="0" name=""/>
        <dsp:cNvSpPr/>
      </dsp:nvSpPr>
      <dsp:spPr>
        <a:xfrm>
          <a:off x="736613" y="1645007"/>
          <a:ext cx="774527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Develop an integrated Knowledge Management Strategy / Plan</a:t>
          </a:r>
        </a:p>
      </dsp:txBody>
      <dsp:txXfrm>
        <a:off x="736613" y="1645007"/>
        <a:ext cx="7745271" cy="797846"/>
      </dsp:txXfrm>
    </dsp:sp>
    <dsp:sp modelId="{E88F848A-B10F-44C4-92B6-351DD043D122}">
      <dsp:nvSpPr>
        <dsp:cNvPr id="0" name=""/>
        <dsp:cNvSpPr/>
      </dsp:nvSpPr>
      <dsp:spPr>
        <a:xfrm>
          <a:off x="210762" y="2554767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70FBC9A-AB6F-4C18-9884-060CA4074485}">
      <dsp:nvSpPr>
        <dsp:cNvPr id="0" name=""/>
        <dsp:cNvSpPr/>
      </dsp:nvSpPr>
      <dsp:spPr>
        <a:xfrm>
          <a:off x="734923" y="2431165"/>
          <a:ext cx="8470024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onduct Technology Management Solutions &amp; Systems integration analysis</a:t>
          </a:r>
          <a:endParaRPr lang="en-ZA" sz="22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734923" y="2431165"/>
        <a:ext cx="8470024" cy="797846"/>
      </dsp:txXfrm>
    </dsp:sp>
    <dsp:sp modelId="{6D2DFDF3-54AF-4794-938D-C0636BFA1288}">
      <dsp:nvSpPr>
        <dsp:cNvPr id="0" name=""/>
        <dsp:cNvSpPr/>
      </dsp:nvSpPr>
      <dsp:spPr>
        <a:xfrm>
          <a:off x="210763" y="3443775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650FF15-284A-46EA-A33F-708376F74A9F}">
      <dsp:nvSpPr>
        <dsp:cNvPr id="0" name=""/>
        <dsp:cNvSpPr/>
      </dsp:nvSpPr>
      <dsp:spPr>
        <a:xfrm>
          <a:off x="717678" y="3297323"/>
          <a:ext cx="811471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udit guidelines on strategic deployment of resources based on demands, Police Station profiles and environmental studies </a:t>
          </a:r>
        </a:p>
      </dsp:txBody>
      <dsp:txXfrm>
        <a:off x="717678" y="3297323"/>
        <a:ext cx="8114711" cy="797846"/>
      </dsp:txXfrm>
    </dsp:sp>
    <dsp:sp modelId="{35A30143-39F6-4E96-816B-61A883FEC5C5}">
      <dsp:nvSpPr>
        <dsp:cNvPr id="0" name=""/>
        <dsp:cNvSpPr/>
      </dsp:nvSpPr>
      <dsp:spPr>
        <a:xfrm>
          <a:off x="215012" y="4301917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7987EAE1-0162-4DD9-A7E3-EAB46F4A5925}">
      <dsp:nvSpPr>
        <dsp:cNvPr id="0" name=""/>
        <dsp:cNvSpPr/>
      </dsp:nvSpPr>
      <dsp:spPr>
        <a:xfrm>
          <a:off x="703205" y="4161502"/>
          <a:ext cx="8375996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f the quality &amp; functionality of Detective Services</a:t>
          </a:r>
        </a:p>
      </dsp:txBody>
      <dsp:txXfrm>
        <a:off x="703205" y="4161502"/>
        <a:ext cx="8375996" cy="797846"/>
      </dsp:txXfrm>
    </dsp:sp>
  </dsp:spTree>
</dsp:drawing>
</file>

<file path=ppt/diagrams/drawing8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38EF8B21-1A33-4ED0-A352-DBB8CB5B1B48}">
      <dsp:nvSpPr>
        <dsp:cNvPr id="0" name=""/>
        <dsp:cNvSpPr/>
      </dsp:nvSpPr>
      <dsp:spPr>
        <a:xfrm>
          <a:off x="1004546" y="715736"/>
          <a:ext cx="6450296" cy="548145"/>
        </a:xfrm>
        <a:prstGeom prst="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</dsp:sp>
    <dsp:sp modelId="{975893C4-4C55-4D8C-A5D3-7AFAB07FE582}">
      <dsp:nvSpPr>
        <dsp:cNvPr id="0" name=""/>
        <dsp:cNvSpPr/>
      </dsp:nvSpPr>
      <dsp:spPr>
        <a:xfrm>
          <a:off x="1087834" y="792956"/>
          <a:ext cx="342284" cy="342284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7061B8B-1383-421A-99AC-526CF7C9BE74}">
      <dsp:nvSpPr>
        <dsp:cNvPr id="0" name=""/>
        <dsp:cNvSpPr/>
      </dsp:nvSpPr>
      <dsp:spPr>
        <a:xfrm>
          <a:off x="107968" y="0"/>
          <a:ext cx="8989022" cy="9847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30480" rIns="45720" bIns="30480" numCol="1" spcCol="1270" anchor="ctr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400" b="1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PROFESSIONILISATION OF POLICE SERVICE</a:t>
          </a:r>
          <a:endParaRPr lang="en-ZA" sz="2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107968" y="0"/>
        <a:ext cx="8989022" cy="984700"/>
      </dsp:txXfrm>
    </dsp:sp>
    <dsp:sp modelId="{709C632C-F821-46C8-8EFA-4A2B0F2CFC43}">
      <dsp:nvSpPr>
        <dsp:cNvPr id="0" name=""/>
        <dsp:cNvSpPr/>
      </dsp:nvSpPr>
      <dsp:spPr>
        <a:xfrm>
          <a:off x="210764" y="1839050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26204E24-09CE-41F4-AE4D-FA345A17C5F8}">
      <dsp:nvSpPr>
        <dsp:cNvPr id="0" name=""/>
        <dsp:cNvSpPr/>
      </dsp:nvSpPr>
      <dsp:spPr>
        <a:xfrm>
          <a:off x="736613" y="1645007"/>
          <a:ext cx="774527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Analysis on the current barriers effecting the reporting of sexual offences</a:t>
          </a:r>
        </a:p>
      </dsp:txBody>
      <dsp:txXfrm>
        <a:off x="736613" y="1645007"/>
        <a:ext cx="7745271" cy="797846"/>
      </dsp:txXfrm>
    </dsp:sp>
    <dsp:sp modelId="{E88F848A-B10F-44C4-92B6-351DD043D122}">
      <dsp:nvSpPr>
        <dsp:cNvPr id="0" name=""/>
        <dsp:cNvSpPr/>
      </dsp:nvSpPr>
      <dsp:spPr>
        <a:xfrm>
          <a:off x="210762" y="2554767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70FBC9A-AB6F-4C18-9884-060CA4074485}">
      <dsp:nvSpPr>
        <dsp:cNvPr id="0" name=""/>
        <dsp:cNvSpPr/>
      </dsp:nvSpPr>
      <dsp:spPr>
        <a:xfrm>
          <a:off x="734923" y="2431165"/>
          <a:ext cx="8470024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National Police Board Framework </a:t>
          </a:r>
          <a:endParaRPr lang="en-ZA" sz="22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734923" y="2431165"/>
        <a:ext cx="8470024" cy="797846"/>
      </dsp:txXfrm>
    </dsp:sp>
    <dsp:sp modelId="{6D2DFDF3-54AF-4794-938D-C0636BFA1288}">
      <dsp:nvSpPr>
        <dsp:cNvPr id="0" name=""/>
        <dsp:cNvSpPr/>
      </dsp:nvSpPr>
      <dsp:spPr>
        <a:xfrm>
          <a:off x="210763" y="3443775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5650FF15-284A-46EA-A33F-708376F74A9F}">
      <dsp:nvSpPr>
        <dsp:cNvPr id="0" name=""/>
        <dsp:cNvSpPr/>
      </dsp:nvSpPr>
      <dsp:spPr>
        <a:xfrm>
          <a:off x="717678" y="3297323"/>
          <a:ext cx="8114711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Review the process of policy development between the Civilian Secretariat and the SAPS</a:t>
          </a:r>
        </a:p>
      </dsp:txBody>
      <dsp:txXfrm>
        <a:off x="717678" y="3297323"/>
        <a:ext cx="8114711" cy="797846"/>
      </dsp:txXfrm>
    </dsp:sp>
    <dsp:sp modelId="{35A30143-39F6-4E96-816B-61A883FEC5C5}">
      <dsp:nvSpPr>
        <dsp:cNvPr id="0" name=""/>
        <dsp:cNvSpPr/>
      </dsp:nvSpPr>
      <dsp:spPr>
        <a:xfrm>
          <a:off x="215012" y="4301917"/>
          <a:ext cx="342276" cy="34227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7987EAE1-0162-4DD9-A7E3-EAB46F4A5925}">
      <dsp:nvSpPr>
        <dsp:cNvPr id="0" name=""/>
        <dsp:cNvSpPr/>
      </dsp:nvSpPr>
      <dsp:spPr>
        <a:xfrm>
          <a:off x="703205" y="4161502"/>
          <a:ext cx="8375996" cy="79784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Communication Strategy and Plan – Awareness on the </a:t>
          </a:r>
          <a:r>
            <a:rPr lang="en-ZA" sz="2200" kern="1200" dirty="0" err="1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Marikana</a:t>
          </a: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/ </a:t>
          </a:r>
          <a:r>
            <a:rPr lang="en-ZA" sz="2200" kern="1200" dirty="0" err="1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Farlam</a:t>
          </a: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Commission Recommendations</a:t>
          </a:r>
        </a:p>
      </dsp:txBody>
      <dsp:txXfrm>
        <a:off x="703205" y="4161502"/>
        <a:ext cx="8375996" cy="797846"/>
      </dsp:txXfrm>
    </dsp:sp>
  </dsp:spTree>
</dsp:drawing>
</file>

<file path=ppt/diagrams/drawing9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38EF8B21-1A33-4ED0-A352-DBB8CB5B1B48}">
      <dsp:nvSpPr>
        <dsp:cNvPr id="0" name=""/>
        <dsp:cNvSpPr/>
      </dsp:nvSpPr>
      <dsp:spPr>
        <a:xfrm>
          <a:off x="919286" y="732696"/>
          <a:ext cx="6603147" cy="561134"/>
        </a:xfrm>
        <a:prstGeom prst="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accen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</dsp:sp>
    <dsp:sp modelId="{975893C4-4C55-4D8C-A5D3-7AFAB07FE582}">
      <dsp:nvSpPr>
        <dsp:cNvPr id="0" name=""/>
        <dsp:cNvSpPr/>
      </dsp:nvSpPr>
      <dsp:spPr>
        <a:xfrm>
          <a:off x="1004548" y="811747"/>
          <a:ext cx="350395" cy="350395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7061B8B-1383-421A-99AC-526CF7C9BE74}">
      <dsp:nvSpPr>
        <dsp:cNvPr id="0" name=""/>
        <dsp:cNvSpPr/>
      </dsp:nvSpPr>
      <dsp:spPr>
        <a:xfrm>
          <a:off x="2927" y="0"/>
          <a:ext cx="9202032" cy="1008034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5720" tIns="30480" rIns="45720" bIns="30480" numCol="1" spcCol="1270" anchor="ctr" anchorCtr="0">
          <a:noAutofit/>
        </a:bodyPr>
        <a:lstStyle/>
        <a:p>
          <a:pPr lvl="0" algn="l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400" b="1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  PROFESSIONILISATION OF POLICE SERVICE</a:t>
          </a:r>
          <a:endParaRPr lang="en-ZA" sz="2400" kern="1200" dirty="0">
            <a:latin typeface="Segoe UI" panose="020B0502040204020203" pitchFamily="34" charset="0"/>
            <a:ea typeface="Segoe UI" panose="020B0502040204020203" pitchFamily="34" charset="0"/>
            <a:cs typeface="Segoe UI" panose="020B0502040204020203" pitchFamily="34" charset="0"/>
          </a:endParaRPr>
        </a:p>
      </dsp:txBody>
      <dsp:txXfrm>
        <a:off x="2927" y="0"/>
        <a:ext cx="9202032" cy="1008034"/>
      </dsp:txXfrm>
    </dsp:sp>
    <dsp:sp modelId="{709C632C-F821-46C8-8EFA-4A2B0F2CFC43}">
      <dsp:nvSpPr>
        <dsp:cNvPr id="0" name=""/>
        <dsp:cNvSpPr/>
      </dsp:nvSpPr>
      <dsp:spPr>
        <a:xfrm>
          <a:off x="172619" y="1848340"/>
          <a:ext cx="350386" cy="350386"/>
        </a:xfrm>
        <a:prstGeom prst="rect">
          <a:avLst/>
        </a:prstGeom>
        <a:gradFill rotWithShape="0">
          <a:gsLst>
            <a:gs pos="0">
              <a:schemeClr val="lt1">
                <a:hueOff val="0"/>
                <a:satOff val="0"/>
                <a:lumOff val="0"/>
                <a:alphaOff val="0"/>
                <a:lumMod val="110000"/>
                <a:satMod val="105000"/>
                <a:tint val="67000"/>
              </a:schemeClr>
            </a:gs>
            <a:gs pos="50000">
              <a:schemeClr val="lt1">
                <a:hueOff val="0"/>
                <a:satOff val="0"/>
                <a:lumOff val="0"/>
                <a:alphaOff val="0"/>
                <a:lumMod val="105000"/>
                <a:satMod val="103000"/>
                <a:tint val="73000"/>
              </a:schemeClr>
            </a:gs>
            <a:gs pos="100000">
              <a:schemeClr val="lt1">
                <a:hueOff val="0"/>
                <a:satOff val="0"/>
                <a:lumOff val="0"/>
                <a:alphaOff val="0"/>
                <a:lumMod val="105000"/>
                <a:satMod val="109000"/>
                <a:tint val="81000"/>
              </a:schemeClr>
            </a:gs>
          </a:gsLst>
          <a:lin ang="5400000" scaled="0"/>
        </a:gradFill>
        <a:ln w="63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1">
          <a:scrgbClr r="0" g="0" b="0"/>
        </a:lnRef>
        <a:fillRef idx="2">
          <a:scrgbClr r="0" g="0" b="0"/>
        </a:fillRef>
        <a:effectRef idx="0">
          <a:scrgbClr r="0" g="0" b="0"/>
        </a:effectRef>
        <a:fontRef idx="minor"/>
      </dsp:style>
    </dsp:sp>
    <dsp:sp modelId="{26204E24-09CE-41F4-AE4D-FA345A17C5F8}">
      <dsp:nvSpPr>
        <dsp:cNvPr id="0" name=""/>
        <dsp:cNvSpPr/>
      </dsp:nvSpPr>
      <dsp:spPr>
        <a:xfrm>
          <a:off x="647489" y="1683988"/>
          <a:ext cx="7928809" cy="816752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56464" tIns="156464" rIns="156464" bIns="156464" numCol="1" spcCol="1270" anchor="ctr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ZA" sz="2200" kern="12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rPr>
            <a:t>Selection and appointment of National Commissioner and Deputy National Commissioners</a:t>
          </a:r>
        </a:p>
      </dsp:txBody>
      <dsp:txXfrm>
        <a:off x="647489" y="1683988"/>
        <a:ext cx="7928809" cy="816752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vList6">
  <dgm:title val=""/>
  <dgm:desc val=""/>
  <dgm:catLst>
    <dgm:cat type="process" pri="22000"/>
    <dgm:cat type="list" pri="17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14" srcId="1" destId="12" srcOrd="0" destOrd="0"/>
        <dgm:cxn modelId="23" srcId="2" destId="21" srcOrd="0" destOrd="0"/>
        <dgm:cxn modelId="24" srcId="2" destId="22" srcOrd="0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animLvl val="lvl"/>
      <dgm:resizeHandles/>
    </dgm:varLst>
    <dgm:alg type="lin">
      <dgm:param type="linDir" val="fromT"/>
    </dgm:alg>
    <dgm:shape xmlns:r="http://schemas.openxmlformats.org/officeDocument/2006/relationships" r:blip="">
      <dgm:adjLst/>
    </dgm:shape>
    <dgm:presOf/>
    <dgm:constrLst>
      <dgm:constr type="w" for="ch" forName="linNode" refType="w"/>
      <dgm:constr type="h" for="ch" forName="linNode" refType="h"/>
      <dgm:constr type="h" for="ch" forName="spacing" refType="h" refFor="ch" refForName="linNode" fact="0.1"/>
      <dgm:constr type="primFontSz" for="des" forName="parentShp" op="equ" val="65"/>
      <dgm:constr type="primFontSz" for="des" forName="childShp" op="equ" val="65"/>
    </dgm:constrLst>
    <dgm:ruleLst/>
    <dgm:forEach name="Name1" axis="ch" ptType="node">
      <dgm:layoutNode name="linNode">
        <dgm:choose name="Name2">
          <dgm:if name="Name3" func="var" arg="dir" op="equ" val="norm">
            <dgm:alg type="lin">
              <dgm:param type="linDir" val="fromL"/>
            </dgm:alg>
          </dgm:if>
          <dgm:else name="Name4">
            <dgm:alg type="lin">
              <dgm:param type="linDir" val="fromR"/>
            </dgm:alg>
          </dgm:else>
        </dgm:choose>
        <dgm:shape xmlns:r="http://schemas.openxmlformats.org/officeDocument/2006/relationships" r:blip="">
          <dgm:adjLst/>
        </dgm:shape>
        <dgm:presOf/>
        <dgm:choose name="Name5">
          <dgm:if name="Name6" func="var" arg="dir" op="equ" val="norm">
            <dgm:constrLst>
              <dgm:constr type="w" for="ch" forName="parentShp" refType="w" fact="0.4"/>
              <dgm:constr type="h" for="ch" forName="parentShp" refType="h"/>
              <dgm:constr type="w" for="ch" forName="childShp" refType="w" fact="0.6"/>
              <dgm:constr type="h" for="ch" forName="childShp" refType="h" refFor="ch" refForName="parentShp"/>
            </dgm:constrLst>
          </dgm:if>
          <dgm:else name="Name7">
            <dgm:constrLst>
              <dgm:constr type="w" for="ch" forName="parentShp" refType="w" fact="0.4"/>
              <dgm:constr type="h" for="ch" forName="parentShp" refType="h"/>
              <dgm:constr type="w" for="ch" forName="childShp" refType="w" fact="0.6"/>
              <dgm:constr type="h" for="ch" forName="childShp" refType="h" refFor="ch" refForName="parentShp"/>
            </dgm:constrLst>
          </dgm:else>
        </dgm:choose>
        <dgm:ruleLst/>
        <dgm:layoutNode name="parentShp" styleLbl="node1">
          <dgm:varLst>
            <dgm:bulletEnabled val="1"/>
          </dgm:varLst>
          <dgm:alg type="tx"/>
          <dgm:shape xmlns:r="http://schemas.openxmlformats.org/officeDocument/2006/relationships" type="roundRect" r:blip="">
            <dgm:adjLst/>
          </dgm:shape>
          <dgm:presOf axis="self" ptType="node"/>
          <dgm:constrLst>
            <dgm:constr type="tMarg" refType="primFontSz" fact="0.15"/>
            <dgm:constr type="bMarg" refType="primFontSz" fact="0.15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childShp" styleLbl="bgAccFollowNode1">
          <dgm:varLst>
            <dgm:bulletEnabled val="1"/>
          </dgm:varLst>
          <dgm:alg type="tx">
            <dgm:param type="stBulletLvl" val="1"/>
          </dgm:alg>
          <dgm:choose name="Name8">
            <dgm:if name="Name9" func="var" arg="dir" op="equ" val="norm">
              <dgm:shape xmlns:r="http://schemas.openxmlformats.org/officeDocument/2006/relationships" type="rightArrow" r:blip="" zOrderOff="-2">
                <dgm:adjLst>
                  <dgm:adj idx="1" val="0.75"/>
                </dgm:adjLst>
              </dgm:shape>
            </dgm:if>
            <dgm:else name="Name10">
              <dgm:shape xmlns:r="http://schemas.openxmlformats.org/officeDocument/2006/relationships" rot="180" type="rightArrow" r:blip="" zOrderOff="-2">
                <dgm:adjLst>
                  <dgm:adj idx="1" val="0.75"/>
                </dgm:adjLst>
              </dgm:shape>
            </dgm:else>
          </dgm:choose>
          <dgm:presOf axis="des" ptType="node"/>
          <dgm:constrLst>
            <dgm:constr type="secFontSz" refType="primFontSz"/>
            <dgm:constr type="tMarg" refType="primFontSz" fact="0.05"/>
            <dgm:constr type="bMarg" refType="primFontSz" fact="0.05"/>
            <dgm:constr type="lMarg" refType="primFontSz" fact="0.05"/>
            <dgm:constr type="rMarg" refType="primFontSz" fact="0.05"/>
          </dgm:constrLst>
          <dgm:ruleLst>
            <dgm:rule type="primFontSz" val="5" fact="NaN" max="NaN"/>
          </dgm:ruleLst>
        </dgm:layoutNode>
      </dgm:layoutNode>
      <dgm:forEach name="Name11" axis="followSib" ptType="sibTrans" cnt="1">
        <dgm:layoutNode name="spacing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10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11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12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13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14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list1">
  <dgm:title val=""/>
  <dgm:desc val=""/>
  <dgm:catLst>
    <dgm:cat type="list" pri="4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4" srcId="0" destId="1" srcOrd="0" destOrd="0"/>
        <dgm:cxn modelId="5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dir/>
      <dgm:animLvl val="lvl"/>
      <dgm:resizeHandles val="exact"/>
    </dgm:varLst>
    <dgm:choose name="Name0">
      <dgm:if name="Name1" func="var" arg="dir" op="equ" val="norm">
        <dgm:alg type="lin">
          <dgm:param type="linDir" val="fromT"/>
          <dgm:param type="vertAlign" val="mid"/>
          <dgm:param type="horzAlign" val="l"/>
          <dgm:param type="nodeHorzAlign" val="l"/>
        </dgm:alg>
      </dgm:if>
      <dgm:else name="Name2">
        <dgm:alg type="lin">
          <dgm:param type="linDir" val="fromT"/>
          <dgm:param type="vertAlign" val="mid"/>
          <dgm:param type="horzAlign" val="r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parentLin" refType="w"/>
      <dgm:constr type="h" for="ch" forName="parentLin" val="INF"/>
      <dgm:constr type="w" for="des" forName="parentLeftMargin" refType="w" fact="0.05"/>
      <dgm:constr type="w" for="des" forName="parentText" refType="w" fact="0.7"/>
      <dgm:constr type="h" for="des" forName="parentText" refType="primFontSz" refFor="des" refForName="parentText" fact="0.82"/>
      <dgm:constr type="h" for="ch" forName="negativeSpace" refType="primFontSz" refFor="des" refForName="parentText" fact="-0.41"/>
      <dgm:constr type="h" for="ch" forName="negativeSpace" refType="h" refFor="des" refForName="parentText" op="lte" fact="-0.82"/>
      <dgm:constr type="h" for="ch" forName="negativeSpace" refType="h" refFor="des" refForName="parentText" op="gte" fact="-0.82"/>
      <dgm:constr type="w" for="ch" forName="childText" refType="w"/>
      <dgm:constr type="h" for="ch" forName="childText" refType="primFontSz" refFor="des" refForName="parentText" fact="0.7"/>
      <dgm:constr type="primFontSz" for="des" forName="parentText" val="65"/>
      <dgm:constr type="primFontSz" for="ch" forName="childText" refType="primFontSz" refFor="des" refForName="parentText"/>
      <dgm:constr type="tMarg" for="ch" forName="childText" refType="primFontSz" refFor="des" refForName="parentText" fact="1.64"/>
      <dgm:constr type="tMarg" for="ch" forName="childText" refType="h" refFor="des" refForName="parentText" op="lte" fact="3.28"/>
      <dgm:constr type="tMarg" for="ch" forName="childText" refType="h" refFor="des" refForName="parentText" op="gte" fact="3.28"/>
      <dgm:constr type="lMarg" for="ch" forName="childText" refType="w" fact="0.22"/>
      <dgm:constr type="rMarg" for="ch" forName="childText" refType="lMarg" refFor="ch" refForName="childText"/>
      <dgm:constr type="lMarg" for="des" forName="parentText" refType="w" fact="0.075"/>
      <dgm:constr type="rMarg" for="des" forName="parentText" refType="lMarg" refFor="des" refForName="parentText"/>
      <dgm:constr type="h" for="ch" forName="spaceBetweenRectangles" refType="primFontSz" refFor="des" refForName="parentText" fact="0.15"/>
    </dgm:constrLst>
    <dgm:ruleLst>
      <dgm:rule type="primFontSz" for="des" forName="parentText" val="5" fact="NaN" max="NaN"/>
    </dgm:ruleLst>
    <dgm:forEach name="Name3" axis="ch" ptType="node">
      <dgm:layoutNode name="parentLin">
        <dgm:choose name="Name4">
          <dgm:if name="Name5" func="var" arg="dir" op="equ" val="norm">
            <dgm:alg type="lin">
              <dgm:param type="linDir" val="fromL"/>
              <dgm:param type="horzAlign" val="l"/>
              <dgm:param type="nodeHorzAlign" val="l"/>
            </dgm:alg>
          </dgm:if>
          <dgm:else name="Name6">
            <dgm:alg type="lin">
              <dgm:param type="linDir" val="fromR"/>
              <dgm:param type="horzAlign" val="r"/>
              <dgm:param type="nodeHorzAlign" val="r"/>
            </dgm:alg>
          </dgm:else>
        </dgm:choose>
        <dgm:shape xmlns:r="http://schemas.openxmlformats.org/officeDocument/2006/relationships" r:blip="">
          <dgm:adjLst/>
        </dgm:shape>
        <dgm:presOf/>
        <dgm:constrLst/>
        <dgm:ruleLst/>
        <dgm:layoutNode name="parentLeftMargin">
          <dgm:alg type="sp"/>
          <dgm:shape xmlns:r="http://schemas.openxmlformats.org/officeDocument/2006/relationships" type="rect" r:blip="" hideGeom="1">
            <dgm:adjLst/>
          </dgm:shape>
          <dgm:presOf axis="self"/>
          <dgm:constrLst>
            <dgm:constr type="h"/>
          </dgm:constrLst>
          <dgm:ruleLst/>
        </dgm:layoutNode>
        <dgm:layoutNode name="parentText" styleLbl="node1">
          <dgm:varLst>
            <dgm:chMax val="0"/>
            <dgm:bulletEnabled val="1"/>
          </dgm:varLst>
          <dgm:choose name="Name7">
            <dgm:if name="Name8" func="var" arg="dir" op="equ" val="norm">
              <dgm:alg type="tx">
                <dgm:param type="parTxLTRAlign" val="l"/>
                <dgm:param type="parTxRTLAlign" val="l"/>
              </dgm:alg>
            </dgm:if>
            <dgm:else name="Name9">
              <dgm:alg type="tx">
                <dgm:param type="parTxLTRAlign" val="r"/>
                <dgm:param type="parTxRTLAlign" val="r"/>
              </dgm:alg>
            </dgm:else>
          </dgm:choose>
          <dgm:shape xmlns:r="http://schemas.openxmlformats.org/officeDocument/2006/relationships" type="roundRect" r:blip="">
            <dgm:adjLst/>
          </dgm:shape>
          <dgm:presOf axis="self" ptType="node"/>
          <dgm:constrLst>
            <dgm:constr type="tMarg"/>
            <dgm:constr type="bMarg"/>
          </dgm:constrLst>
          <dgm:ruleLst/>
        </dgm:layoutNode>
      </dgm:layoutNode>
      <dgm:layoutNode name="negative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childText" styleLbl="conFgAcc1">
        <dgm:varLst>
          <dgm:bulletEnabled val="1"/>
        </dgm:varLst>
        <dgm:alg type="tx">
          <dgm:param type="stBulletLvl" val="1"/>
        </dgm:alg>
        <dgm:shape xmlns:r="http://schemas.openxmlformats.org/officeDocument/2006/relationships" type="rect" r:blip="" zOrderOff="-2">
          <dgm:adjLst/>
        </dgm:shape>
        <dgm:presOf axis="des" ptType="node"/>
        <dgm:constrLst>
          <dgm:constr type="secFontSz" refType="primFontSz"/>
        </dgm:constrLst>
        <dgm:ruleLst>
          <dgm:rule type="h" val="INF" fact="NaN" max="NaN"/>
        </dgm:ruleLst>
      </dgm:layoutNode>
      <dgm:forEach name="Name1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list1">
  <dgm:title val=""/>
  <dgm:desc val=""/>
  <dgm:catLst>
    <dgm:cat type="list" pri="4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4" srcId="0" destId="1" srcOrd="0" destOrd="0"/>
        <dgm:cxn modelId="5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dir/>
      <dgm:animLvl val="lvl"/>
      <dgm:resizeHandles val="exact"/>
    </dgm:varLst>
    <dgm:choose name="Name0">
      <dgm:if name="Name1" func="var" arg="dir" op="equ" val="norm">
        <dgm:alg type="lin">
          <dgm:param type="linDir" val="fromT"/>
          <dgm:param type="vertAlign" val="mid"/>
          <dgm:param type="horzAlign" val="l"/>
          <dgm:param type="nodeHorzAlign" val="l"/>
        </dgm:alg>
      </dgm:if>
      <dgm:else name="Name2">
        <dgm:alg type="lin">
          <dgm:param type="linDir" val="fromT"/>
          <dgm:param type="vertAlign" val="mid"/>
          <dgm:param type="horzAlign" val="r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parentLin" refType="w"/>
      <dgm:constr type="h" for="ch" forName="parentLin" val="INF"/>
      <dgm:constr type="w" for="des" forName="parentLeftMargin" refType="w" fact="0.05"/>
      <dgm:constr type="w" for="des" forName="parentText" refType="w" fact="0.7"/>
      <dgm:constr type="h" for="des" forName="parentText" refType="primFontSz" refFor="des" refForName="parentText" fact="0.82"/>
      <dgm:constr type="h" for="ch" forName="negativeSpace" refType="primFontSz" refFor="des" refForName="parentText" fact="-0.41"/>
      <dgm:constr type="h" for="ch" forName="negativeSpace" refType="h" refFor="des" refForName="parentText" op="lte" fact="-0.82"/>
      <dgm:constr type="h" for="ch" forName="negativeSpace" refType="h" refFor="des" refForName="parentText" op="gte" fact="-0.82"/>
      <dgm:constr type="w" for="ch" forName="childText" refType="w"/>
      <dgm:constr type="h" for="ch" forName="childText" refType="primFontSz" refFor="des" refForName="parentText" fact="0.7"/>
      <dgm:constr type="primFontSz" for="des" forName="parentText" val="65"/>
      <dgm:constr type="primFontSz" for="ch" forName="childText" refType="primFontSz" refFor="des" refForName="parentText"/>
      <dgm:constr type="tMarg" for="ch" forName="childText" refType="primFontSz" refFor="des" refForName="parentText" fact="1.64"/>
      <dgm:constr type="tMarg" for="ch" forName="childText" refType="h" refFor="des" refForName="parentText" op="lte" fact="3.28"/>
      <dgm:constr type="tMarg" for="ch" forName="childText" refType="h" refFor="des" refForName="parentText" op="gte" fact="3.28"/>
      <dgm:constr type="lMarg" for="ch" forName="childText" refType="w" fact="0.22"/>
      <dgm:constr type="rMarg" for="ch" forName="childText" refType="lMarg" refFor="ch" refForName="childText"/>
      <dgm:constr type="lMarg" for="des" forName="parentText" refType="w" fact="0.075"/>
      <dgm:constr type="rMarg" for="des" forName="parentText" refType="lMarg" refFor="des" refForName="parentText"/>
      <dgm:constr type="h" for="ch" forName="spaceBetweenRectangles" refType="primFontSz" refFor="des" refForName="parentText" fact="0.15"/>
    </dgm:constrLst>
    <dgm:ruleLst>
      <dgm:rule type="primFontSz" for="des" forName="parentText" val="5" fact="NaN" max="NaN"/>
    </dgm:ruleLst>
    <dgm:forEach name="Name3" axis="ch" ptType="node">
      <dgm:layoutNode name="parentLin">
        <dgm:choose name="Name4">
          <dgm:if name="Name5" func="var" arg="dir" op="equ" val="norm">
            <dgm:alg type="lin">
              <dgm:param type="linDir" val="fromL"/>
              <dgm:param type="horzAlign" val="l"/>
              <dgm:param type="nodeHorzAlign" val="l"/>
            </dgm:alg>
          </dgm:if>
          <dgm:else name="Name6">
            <dgm:alg type="lin">
              <dgm:param type="linDir" val="fromR"/>
              <dgm:param type="horzAlign" val="r"/>
              <dgm:param type="nodeHorzAlign" val="r"/>
            </dgm:alg>
          </dgm:else>
        </dgm:choose>
        <dgm:shape xmlns:r="http://schemas.openxmlformats.org/officeDocument/2006/relationships" r:blip="">
          <dgm:adjLst/>
        </dgm:shape>
        <dgm:presOf/>
        <dgm:constrLst/>
        <dgm:ruleLst/>
        <dgm:layoutNode name="parentLeftMargin">
          <dgm:alg type="sp"/>
          <dgm:shape xmlns:r="http://schemas.openxmlformats.org/officeDocument/2006/relationships" type="rect" r:blip="" hideGeom="1">
            <dgm:adjLst/>
          </dgm:shape>
          <dgm:presOf axis="self"/>
          <dgm:constrLst>
            <dgm:constr type="h"/>
          </dgm:constrLst>
          <dgm:ruleLst/>
        </dgm:layoutNode>
        <dgm:layoutNode name="parentText" styleLbl="node1">
          <dgm:varLst>
            <dgm:chMax val="0"/>
            <dgm:bulletEnabled val="1"/>
          </dgm:varLst>
          <dgm:choose name="Name7">
            <dgm:if name="Name8" func="var" arg="dir" op="equ" val="norm">
              <dgm:alg type="tx">
                <dgm:param type="parTxLTRAlign" val="l"/>
                <dgm:param type="parTxRTLAlign" val="l"/>
              </dgm:alg>
            </dgm:if>
            <dgm:else name="Name9">
              <dgm:alg type="tx">
                <dgm:param type="parTxLTRAlign" val="r"/>
                <dgm:param type="parTxRTLAlign" val="r"/>
              </dgm:alg>
            </dgm:else>
          </dgm:choose>
          <dgm:shape xmlns:r="http://schemas.openxmlformats.org/officeDocument/2006/relationships" type="roundRect" r:blip="">
            <dgm:adjLst/>
          </dgm:shape>
          <dgm:presOf axis="self" ptType="node"/>
          <dgm:constrLst>
            <dgm:constr type="tMarg"/>
            <dgm:constr type="bMarg"/>
          </dgm:constrLst>
          <dgm:ruleLst/>
        </dgm:layoutNode>
      </dgm:layoutNode>
      <dgm:layoutNode name="negative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childText" styleLbl="conFgAcc1">
        <dgm:varLst>
          <dgm:bulletEnabled val="1"/>
        </dgm:varLst>
        <dgm:alg type="tx">
          <dgm:param type="stBulletLvl" val="1"/>
        </dgm:alg>
        <dgm:shape xmlns:r="http://schemas.openxmlformats.org/officeDocument/2006/relationships" type="rect" r:blip="" zOrderOff="-2">
          <dgm:adjLst/>
        </dgm:shape>
        <dgm:presOf axis="des" ptType="node"/>
        <dgm:constrLst>
          <dgm:constr type="secFontSz" refType="primFontSz"/>
        </dgm:constrLst>
        <dgm:ruleLst>
          <dgm:rule type="h" val="INF" fact="NaN" max="NaN"/>
        </dgm:ruleLst>
      </dgm:layoutNode>
      <dgm:forEach name="Name1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4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5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6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7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8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9.xml><?xml version="1.0" encoding="utf-8"?>
<dgm:layoutDef xmlns:dgm="http://schemas.openxmlformats.org/drawingml/2006/diagram" xmlns:a="http://schemas.openxmlformats.org/drawingml/2006/main" uniqueId="urn:microsoft.com/office/officeart/2008/layout/SquareAccentList">
  <dgm:title val=""/>
  <dgm:desc val=""/>
  <dgm:catLst>
    <dgm:cat type="list" pri="5500"/>
  </dgm:catLst>
  <dgm:samp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20">
          <dgm:prSet phldr="1"/>
        </dgm:pt>
        <dgm:pt modelId="21">
          <dgm:prSet phldr="1"/>
        </dgm:pt>
        <dgm:pt modelId="22">
          <dgm:prSet phldr="1"/>
        </dgm:pt>
        <dgm:pt modelId="23">
          <dgm:prSet phldr="1"/>
        </dgm:pt>
      </dgm:ptLst>
      <dgm:cxnLst>
        <dgm:cxn modelId="1" srcId="0" destId="10" srcOrd="0" destOrd="0"/>
        <dgm:cxn modelId="2" srcId="10" destId="11" srcOrd="0" destOrd="0"/>
        <dgm:cxn modelId="3" srcId="10" destId="12" srcOrd="1" destOrd="0"/>
        <dgm:cxn modelId="4" srcId="10" destId="13" srcOrd="2" destOrd="0"/>
        <dgm:cxn modelId="5" srcId="0" destId="20" srcOrd="0" destOrd="0"/>
        <dgm:cxn modelId="6" srcId="20" destId="21" srcOrd="0" destOrd="0"/>
        <dgm:cxn modelId="7" srcId="20" destId="22" srcOrd="1" destOrd="0"/>
        <dgm:cxn modelId="8" srcId="20" destId="23" srcOrd="2" destOrd="0"/>
      </dgm:cxnLst>
      <dgm:bg/>
      <dgm:whole/>
    </dgm:dataModel>
  </dgm:clrData>
  <dgm:layoutNode name="layout">
    <dgm:varLst>
      <dgm:chMax/>
      <dgm:chPref/>
      <dgm:dir/>
      <dgm:resizeHandles/>
    </dgm:varLst>
    <dgm:choose name="Name0">
      <dgm:if name="Name1" func="var" arg="dir" op="equ" val="norm">
        <dgm:alg type="hierChild">
          <dgm:param type="linDir" val="fromL"/>
          <dgm:param type="vertAlign" val="t"/>
          <dgm:param type="nodeVertAlign" val="t"/>
          <dgm:param type="horzAlign" val="ctr"/>
          <dgm:param type="fallback" val="1D"/>
        </dgm:alg>
      </dgm:if>
      <dgm:else name="Name2">
        <dgm:alg type="hierChild">
          <dgm:param type="linDir" val="fromR"/>
          <dgm:param type="vertAlign" val="t"/>
          <dgm:param type="nodeVertAlign" val="t"/>
          <dgm:param type="horzAlign" val="ctr"/>
          <dgm:param type="fallback" val="1D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forName="Parent" op="equ" val="65"/>
      <dgm:constr type="primFontSz" for="des" forName="Child" op="equ" val="65"/>
      <dgm:constr type="primFontSz" for="des" forName="Child" refType="primFontSz" refFor="des" refForName="Parent" op="lte"/>
      <dgm:constr type="w" for="des" forName="rootComposite" refType="h" refFor="des" refForName="rootComposite" fact="3.0396"/>
      <dgm:constr type="h" for="des" forName="rootComposite" refType="h"/>
      <dgm:constr type="w" for="des" forName="childComposite" refType="w" refFor="des" refForName="rootComposite"/>
      <dgm:constr type="h" for="des" forName="childComposite" refType="h" refFor="des" refForName="rootComposite" fact="0.5205"/>
      <dgm:constr type="sibSp" refType="w" refFor="des" refForName="rootComposite" fact="0.05"/>
      <dgm:constr type="sp" for="des" forName="root" refType="h" refFor="des" refForName="childComposite" fact="0.2855"/>
    </dgm:constrLst>
    <dgm:ruleLst/>
    <dgm:forEach name="Name3" axis="ch">
      <dgm:forEach name="Name4" axis="self" ptType="node" cnt="1">
        <dgm:layoutNode name="root">
          <dgm:varLst>
            <dgm:chMax/>
            <dgm:chPref/>
          </dgm:varLst>
          <dgm:alg type="hierRoot">
            <dgm:param type="hierAlign" val="tL"/>
          </dgm:alg>
          <dgm:shape xmlns:r="http://schemas.openxmlformats.org/officeDocument/2006/relationships" r:blip="">
            <dgm:adjLst/>
          </dgm:shape>
          <dgm:presOf/>
          <dgm:constrLst/>
          <dgm:ruleLst/>
          <dgm:layoutNode name="rootComposite">
            <dgm:varLst/>
            <dgm:alg type="composite"/>
            <dgm:shape xmlns:r="http://schemas.openxmlformats.org/officeDocument/2006/relationships" r:blip="">
              <dgm:adjLst/>
            </dgm:shape>
            <dgm:presOf axis="self" ptType="node" cnt="1"/>
            <dgm:choose name="Name5">
              <dgm:if name="Name6" func="var" arg="dir" op="equ" val="norm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l" for="ch" forName="ParentSmallAccent" refType="w" fact="0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if>
              <dgm:else name="Name7">
                <dgm:constrLst>
                  <dgm:constr type="l" for="ch" forName="Parent" refType="w" fact="0"/>
                  <dgm:constr type="t" for="ch" forName="Parent" refType="h" fact="0"/>
                  <dgm:constr type="w" for="ch" forName="Parent" refType="w"/>
                  <dgm:constr type="h" for="ch" forName="Parent" refType="h" fact="0.6424"/>
                  <dgm:constr type="l" for="ch" forName="ParentAccent" refType="w" fact="0"/>
                  <dgm:constr type="b" for="ch" forName="ParentAccent" refType="h"/>
                  <dgm:constr type="w" for="ch" forName="ParentAccent" refType="w"/>
                  <dgm:constr type="h" for="ch" forName="ParentAccent" refType="h" fact="0.3576"/>
                  <dgm:constr type="r" for="ch" forName="ParentSmallAccent" refType="w"/>
                  <dgm:constr type="b" for="ch" forName="ParentSmallAccent" refType="h"/>
                  <dgm:constr type="w" for="ch" forName="ParentSmallAccent" refType="h" fact="0.2233"/>
                  <dgm:constr type="h" for="ch" forName="ParentSmallAccent" refType="h" fact="0.2233"/>
                </dgm:constrLst>
              </dgm:else>
            </dgm:choose>
            <dgm:ruleLst/>
            <dgm:layoutNode name="ParentAccent" styleLbl="alignNode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SmallAccent" styleLbl="fgAcc1">
              <dgm:alg type="sp"/>
              <dgm:shape xmlns:r="http://schemas.openxmlformats.org/officeDocument/2006/relationships" type="rect" r:blip="">
                <dgm:adjLst/>
              </dgm:shape>
              <dgm:presOf/>
            </dgm:layoutNode>
            <dgm:layoutNode name="Parent" styleLbl="revTx">
              <dgm:varLst>
                <dgm:chMax/>
                <dgm:chPref val="4"/>
                <dgm:bulletEnabled val="1"/>
              </dgm:varLst>
              <dgm:choose name="Name8">
                <dgm:if name="Name9" func="var" arg="dir" op="equ" val="norm">
                  <dgm:alg type="tx">
                    <dgm:param type="txAnchorVertCh" val="mid"/>
                    <dgm:param type="parTxLTRAlign" val="l"/>
                  </dgm:alg>
                </dgm:if>
                <dgm:else name="Name10">
                  <dgm:alg type="tx">
                    <dgm:param type="txAnchorVertCh" val="mid"/>
                    <dgm:param type="parTxLTRAlign" val="r"/>
                  </dgm:alg>
                </dgm:else>
              </dgm:choose>
              <dgm:shape xmlns:r="http://schemas.openxmlformats.org/officeDocument/2006/relationships" type="rect" r:blip="">
                <dgm:adjLst/>
              </dgm:shape>
              <dgm:presOf axis="self" ptType="node"/>
              <dgm:constrLst>
                <dgm:constr type="tMarg" refType="primFontSz" fact="0.1"/>
                <dgm:constr type="bMarg" refType="primFontSz" fact="0.1"/>
                <dgm:constr type="lMarg" refType="primFontSz" fact="0.15"/>
                <dgm:constr type="rMarg" refType="primFontSz" fact="0.15"/>
              </dgm:constrLst>
              <dgm:ruleLst>
                <dgm:rule type="primFontSz" val="5" fact="NaN" max="NaN"/>
                <dgm:rule type="primFontSz" val="65" fact="NaN" max="NaN"/>
              </dgm:ruleLst>
            </dgm:layoutNode>
          </dgm:layoutNode>
          <dgm:layoutNode name="childShape">
            <dgm:varLst>
              <dgm:chMax val="0"/>
              <dgm:chPref val="0"/>
            </dgm:varLst>
            <dgm:alg type="hierChild">
              <dgm:param type="chAlign" val="r"/>
              <dgm:param type="linDir" val="fromT"/>
              <dgm:param type="fallback" val="2D"/>
            </dgm:alg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11" axis="ch">
              <dgm:forEach name="Name12" axis="self" ptType="node">
                <dgm:layoutNode name="childComposite">
                  <dgm:varLst>
                    <dgm:chMax val="0"/>
                    <dgm:chPref val="0"/>
                  </dgm:varLst>
                  <dgm:alg type="composite"/>
                  <dgm:shape xmlns:r="http://schemas.openxmlformats.org/officeDocument/2006/relationships" r:blip="">
                    <dgm:adjLst/>
                  </dgm:shape>
                  <dgm:presOf/>
                  <dgm:choose name="Name13">
                    <dgm:if name="Name14" func="var" arg="dir" op="equ" val="norm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l" for="ch" forName="ChildAccent" refType="w" fact="0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l" for="ch" forName="Child" refType="w" fact="0.07"/>
                        <dgm:constr type="t" for="ch" forName="Child" refType="h" fact="0"/>
                      </dgm:constrLst>
                    </dgm:if>
                    <dgm:else name="Name15">
                      <dgm:constrLst>
                        <dgm:constr type="w" for="ch" forName="ChildAccent" refType="h" fact="0.429"/>
                        <dgm:constr type="h" for="ch" forName="ChildAccent" refType="h" fact="0.429"/>
                        <dgm:constr type="r" for="ch" forName="ChildAccent" refType="w"/>
                        <dgm:constr type="t" for="ch" forName="ChildAccent" refType="h" fact="0.2855"/>
                        <dgm:constr type="w" for="ch" forName="Child" refType="w" fact="0.93"/>
                        <dgm:constr type="h" for="ch" forName="Child" refType="h"/>
                        <dgm:constr type="r" for="ch" forName="Child" refType="w" fact="0.93"/>
                        <dgm:constr type="t" for="ch" forName="Child" refType="h" fact="0"/>
                      </dgm:constrLst>
                    </dgm:else>
                  </dgm:choose>
                  <dgm:ruleLst/>
                  <dgm:layoutNode name="ChildAccent" styleLbl="solidFgAcc1">
                    <dgm:alg type="sp"/>
                    <dgm:shape xmlns:r="http://schemas.openxmlformats.org/officeDocument/2006/relationships" type="rect" r:blip="">
                      <dgm:adjLst/>
                    </dgm:shape>
                    <dgm:presOf/>
                  </dgm:layoutNode>
                  <dgm:layoutNode name="Child" styleLbl="revTx">
                    <dgm:varLst>
                      <dgm:chMax val="0"/>
                      <dgm:chPref val="0"/>
                      <dgm:bulletEnabled val="1"/>
                    </dgm:varLst>
                    <dgm:choose name="Name16">
                      <dgm:if name="Name17" func="var" arg="dir" op="equ" val="norm">
                        <dgm:alg type="tx">
                          <dgm:param type="txAnchorVertCh" val="mid"/>
                          <dgm:param type="parTxLTRAlign" val="l"/>
                        </dgm:alg>
                      </dgm:if>
                      <dgm:else name="Name18">
                        <dgm:alg type="tx">
                          <dgm:param type="txAnchorVertCh" val="mid"/>
                          <dgm:param type="parTxLTRAlign" val="r"/>
                        </dgm:alg>
                      </dgm:else>
                    </dgm:choose>
                    <dgm:shape xmlns:r="http://schemas.openxmlformats.org/officeDocument/2006/relationships" type="rect" r:blip="">
                      <dgm:adjLst/>
                    </dgm:shape>
                    <dgm:presOf axis="desOrSelf" ptType="node node"/>
                    <dgm:ruleLst>
                      <dgm:rule type="primFontSz" val="5" fact="NaN" max="NaN"/>
                    </dgm:ruleLst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0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1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2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3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4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4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5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6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7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8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9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50475" cy="498773"/>
          </a:xfrm>
          <a:prstGeom prst="rect">
            <a:avLst/>
          </a:prstGeom>
        </p:spPr>
        <p:txBody>
          <a:bodyPr vert="horz" lIns="91577" tIns="45789" rIns="91577" bIns="45789" rtlCol="0"/>
          <a:lstStyle>
            <a:lvl1pPr algn="l">
              <a:defRPr sz="1200"/>
            </a:lvl1pPr>
          </a:lstStyle>
          <a:p>
            <a:endParaRPr lang="en-ZA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56738" y="0"/>
            <a:ext cx="2950475" cy="498773"/>
          </a:xfrm>
          <a:prstGeom prst="rect">
            <a:avLst/>
          </a:prstGeom>
        </p:spPr>
        <p:txBody>
          <a:bodyPr vert="horz" lIns="91577" tIns="45789" rIns="91577" bIns="45789" rtlCol="0"/>
          <a:lstStyle>
            <a:lvl1pPr algn="r">
              <a:defRPr sz="1200"/>
            </a:lvl1pPr>
          </a:lstStyle>
          <a:p>
            <a:fld id="{2CA067EE-4678-41C4-9162-AC3A9B3091B5}" type="datetimeFigureOut">
              <a:rPr lang="en-ZA" smtClean="0"/>
              <a:pPr/>
              <a:t>2017/09/07</a:t>
            </a:fld>
            <a:endParaRPr lang="en-ZA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9442155"/>
            <a:ext cx="2950475" cy="498772"/>
          </a:xfrm>
          <a:prstGeom prst="rect">
            <a:avLst/>
          </a:prstGeom>
        </p:spPr>
        <p:txBody>
          <a:bodyPr vert="horz" lIns="91577" tIns="45789" rIns="91577" bIns="45789" rtlCol="0" anchor="b"/>
          <a:lstStyle>
            <a:lvl1pPr algn="l">
              <a:defRPr sz="1200"/>
            </a:lvl1pPr>
          </a:lstStyle>
          <a:p>
            <a:endParaRPr lang="en-ZA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56738" y="9442155"/>
            <a:ext cx="2950475" cy="498772"/>
          </a:xfrm>
          <a:prstGeom prst="rect">
            <a:avLst/>
          </a:prstGeom>
        </p:spPr>
        <p:txBody>
          <a:bodyPr vert="horz" lIns="91577" tIns="45789" rIns="91577" bIns="45789" rtlCol="0" anchor="b"/>
          <a:lstStyle>
            <a:lvl1pPr algn="r">
              <a:defRPr sz="1200"/>
            </a:lvl1pPr>
          </a:lstStyle>
          <a:p>
            <a:fld id="{6A4B3FCE-E00C-4D78-B8A7-4697ACDDC268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2618548332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50475" cy="498773"/>
          </a:xfrm>
          <a:prstGeom prst="rect">
            <a:avLst/>
          </a:prstGeom>
        </p:spPr>
        <p:txBody>
          <a:bodyPr vert="horz" lIns="91577" tIns="45789" rIns="91577" bIns="45789" rtlCol="0"/>
          <a:lstStyle>
            <a:lvl1pPr algn="l">
              <a:defRPr sz="1200"/>
            </a:lvl1pPr>
          </a:lstStyle>
          <a:p>
            <a:endParaRPr lang="en-ZA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6738" y="0"/>
            <a:ext cx="2950475" cy="498773"/>
          </a:xfrm>
          <a:prstGeom prst="rect">
            <a:avLst/>
          </a:prstGeom>
        </p:spPr>
        <p:txBody>
          <a:bodyPr vert="horz" lIns="91577" tIns="45789" rIns="91577" bIns="45789" rtlCol="0"/>
          <a:lstStyle>
            <a:lvl1pPr algn="r">
              <a:defRPr sz="1200"/>
            </a:lvl1pPr>
          </a:lstStyle>
          <a:p>
            <a:fld id="{453DCEC9-A799-4FA8-A5BD-CCBBA1270567}" type="datetimeFigureOut">
              <a:rPr lang="en-ZA" smtClean="0"/>
              <a:pPr/>
              <a:t>2017/09/07</a:t>
            </a:fld>
            <a:endParaRPr lang="en-ZA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68400" y="1243013"/>
            <a:ext cx="4471988" cy="33543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577" tIns="45789" rIns="91577" bIns="45789" rtlCol="0" anchor="ctr"/>
          <a:lstStyle/>
          <a:p>
            <a:endParaRPr lang="en-ZA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880" y="4784069"/>
            <a:ext cx="5447030" cy="3914240"/>
          </a:xfrm>
          <a:prstGeom prst="rect">
            <a:avLst/>
          </a:prstGeom>
        </p:spPr>
        <p:txBody>
          <a:bodyPr vert="horz" lIns="91577" tIns="45789" rIns="91577" bIns="45789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9442155"/>
            <a:ext cx="2950475" cy="498772"/>
          </a:xfrm>
          <a:prstGeom prst="rect">
            <a:avLst/>
          </a:prstGeom>
        </p:spPr>
        <p:txBody>
          <a:bodyPr vert="horz" lIns="91577" tIns="45789" rIns="91577" bIns="45789" rtlCol="0" anchor="b"/>
          <a:lstStyle>
            <a:lvl1pPr algn="l">
              <a:defRPr sz="1200"/>
            </a:lvl1pPr>
          </a:lstStyle>
          <a:p>
            <a:endParaRPr lang="en-ZA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6738" y="9442155"/>
            <a:ext cx="2950475" cy="498772"/>
          </a:xfrm>
          <a:prstGeom prst="rect">
            <a:avLst/>
          </a:prstGeom>
        </p:spPr>
        <p:txBody>
          <a:bodyPr vert="horz" lIns="91577" tIns="45789" rIns="91577" bIns="45789" rtlCol="0" anchor="b"/>
          <a:lstStyle>
            <a:lvl1pPr algn="r">
              <a:defRPr sz="1200"/>
            </a:lvl1pPr>
          </a:lstStyle>
          <a:p>
            <a:fld id="{C0950350-C890-4D9E-BB99-6691907D2516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040417183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2</a:t>
            </a:fld>
            <a:endParaRPr lang="en-ZA"/>
          </a:p>
        </p:txBody>
      </p:sp>
    </p:spTree>
    <p:extLst>
      <p:ext uri="{BB962C8B-B14F-4D97-AF65-F5344CB8AC3E}">
        <p14:creationId xmlns:p14="http://schemas.microsoft.com/office/powerpoint/2010/main" xmlns="" val="3597196831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16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243724668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17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3923225089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18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2287250758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19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051103850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20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05164089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6</a:t>
            </a:fld>
            <a:endParaRPr lang="en-ZA"/>
          </a:p>
        </p:txBody>
      </p:sp>
    </p:spTree>
    <p:extLst>
      <p:ext uri="{BB962C8B-B14F-4D97-AF65-F5344CB8AC3E}">
        <p14:creationId xmlns:p14="http://schemas.microsoft.com/office/powerpoint/2010/main" xmlns="" val="383378477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7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3509066541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8</a:t>
            </a:fld>
            <a:endParaRPr lang="en-ZA"/>
          </a:p>
        </p:txBody>
      </p:sp>
    </p:spTree>
    <p:extLst>
      <p:ext uri="{BB962C8B-B14F-4D97-AF65-F5344CB8AC3E}">
        <p14:creationId xmlns:p14="http://schemas.microsoft.com/office/powerpoint/2010/main" xmlns="" val="2332944826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9</a:t>
            </a:fld>
            <a:endParaRPr lang="en-ZA"/>
          </a:p>
        </p:txBody>
      </p:sp>
    </p:spTree>
    <p:extLst>
      <p:ext uri="{BB962C8B-B14F-4D97-AF65-F5344CB8AC3E}">
        <p14:creationId xmlns:p14="http://schemas.microsoft.com/office/powerpoint/2010/main" xmlns="" val="334605653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12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2142014769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13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3779189247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14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4118482448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0950350-C890-4D9E-BB99-6691907D2516}" type="slidenum">
              <a:rPr lang="en-ZA" smtClean="0"/>
              <a:pPr/>
              <a:t>15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694434368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143000" y="1122363"/>
            <a:ext cx="6858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143000" y="3602038"/>
            <a:ext cx="6858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smtClean="0"/>
              <a:t>Click to edit Master subtitle style</a:t>
            </a:r>
            <a:endParaRPr lang="en-ZA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56136093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323142734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43675" y="365125"/>
            <a:ext cx="1971675" cy="5811838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28650" y="365125"/>
            <a:ext cx="5762625" cy="5811838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44535218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56356215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3888" y="1709738"/>
            <a:ext cx="78867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3888" y="4589463"/>
            <a:ext cx="78867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08044628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825625"/>
            <a:ext cx="3867150" cy="4351338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825625"/>
            <a:ext cx="3867150" cy="4351338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201871453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238" y="365125"/>
            <a:ext cx="7886700" cy="13255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30238" y="1681163"/>
            <a:ext cx="386873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30238" y="2505075"/>
            <a:ext cx="3868737" cy="3684588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29150" y="1681163"/>
            <a:ext cx="38877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29150" y="2505075"/>
            <a:ext cx="3887788" cy="3684588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994826206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205540791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233651875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238" y="457200"/>
            <a:ext cx="2949575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87788" y="987425"/>
            <a:ext cx="462915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30238" y="2057400"/>
            <a:ext cx="2949575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92983075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238" y="457200"/>
            <a:ext cx="2949575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3887788" y="987425"/>
            <a:ext cx="462915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ZA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30238" y="2057400"/>
            <a:ext cx="2949575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796807793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628650" y="365125"/>
            <a:ext cx="78867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mtClean="0"/>
              <a:t>Click to edit Master title style</a:t>
            </a:r>
            <a:endParaRPr lang="en-ZA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8650" y="1825625"/>
            <a:ext cx="78867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ZA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56350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 smtClean="0"/>
              <a:t>2016/05/25</a:t>
            </a:r>
            <a:endParaRPr lang="en-ZA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028950" y="6356350"/>
            <a:ext cx="30861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ZA" dirty="0" smtClean="0"/>
              <a:t>SECRET</a:t>
            </a:r>
            <a:endParaRPr lang="en-ZA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457950" y="6356350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A2C8B4D-9EA4-46AC-8A16-9BDE6B986B07}" type="slidenum">
              <a:rPr lang="en-ZA" smtClean="0"/>
              <a:pPr/>
              <a:t>‹#›</a:t>
            </a:fld>
            <a:endParaRPr lang="en-ZA" dirty="0"/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232541038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3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hf hd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4.xml"/><Relationship Id="rId2" Type="http://schemas.openxmlformats.org/officeDocument/2006/relationships/diagramData" Target="../diagrams/data4.xml"/><Relationship Id="rId1" Type="http://schemas.openxmlformats.org/officeDocument/2006/relationships/slideLayout" Target="../slideLayouts/slideLayout6.xml"/><Relationship Id="rId6" Type="http://schemas.microsoft.com/office/2007/relationships/diagramDrawing" Target="../diagrams/drawing4.xml"/><Relationship Id="rId5" Type="http://schemas.openxmlformats.org/officeDocument/2006/relationships/diagramColors" Target="../diagrams/colors4.xml"/><Relationship Id="rId4" Type="http://schemas.openxmlformats.org/officeDocument/2006/relationships/diagramQuickStyle" Target="../diagrams/quickStyle4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5.xml"/><Relationship Id="rId2" Type="http://schemas.openxmlformats.org/officeDocument/2006/relationships/diagramData" Target="../diagrams/data5.xml"/><Relationship Id="rId1" Type="http://schemas.openxmlformats.org/officeDocument/2006/relationships/slideLayout" Target="../slideLayouts/slideLayout6.xml"/><Relationship Id="rId6" Type="http://schemas.microsoft.com/office/2007/relationships/diagramDrawing" Target="../diagrams/drawing5.xml"/><Relationship Id="rId5" Type="http://schemas.openxmlformats.org/officeDocument/2006/relationships/diagramColors" Target="../diagrams/colors5.xml"/><Relationship Id="rId4" Type="http://schemas.openxmlformats.org/officeDocument/2006/relationships/diagramQuickStyle" Target="../diagrams/quickStyle5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6.xml"/><Relationship Id="rId7" Type="http://schemas.microsoft.com/office/2007/relationships/diagramDrawing" Target="../diagrams/drawing6.xml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6.xml"/><Relationship Id="rId5" Type="http://schemas.openxmlformats.org/officeDocument/2006/relationships/diagramQuickStyle" Target="../diagrams/quickStyle6.xml"/><Relationship Id="rId4" Type="http://schemas.openxmlformats.org/officeDocument/2006/relationships/diagramLayout" Target="../diagrams/layout6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7.xml"/><Relationship Id="rId7" Type="http://schemas.microsoft.com/office/2007/relationships/diagramDrawing" Target="../diagrams/drawing7.xml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7.xml"/><Relationship Id="rId5" Type="http://schemas.openxmlformats.org/officeDocument/2006/relationships/diagramQuickStyle" Target="../diagrams/quickStyle7.xml"/><Relationship Id="rId4" Type="http://schemas.openxmlformats.org/officeDocument/2006/relationships/diagramLayout" Target="../diagrams/layout7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8.xml"/><Relationship Id="rId7" Type="http://schemas.microsoft.com/office/2007/relationships/diagramDrawing" Target="../diagrams/drawing8.xml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8.xml"/><Relationship Id="rId5" Type="http://schemas.openxmlformats.org/officeDocument/2006/relationships/diagramQuickStyle" Target="../diagrams/quickStyle8.xml"/><Relationship Id="rId4" Type="http://schemas.openxmlformats.org/officeDocument/2006/relationships/diagramLayout" Target="../diagrams/layout8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9.xml"/><Relationship Id="rId7" Type="http://schemas.microsoft.com/office/2007/relationships/diagramDrawing" Target="../diagrams/drawing9.xml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9.xml"/><Relationship Id="rId5" Type="http://schemas.openxmlformats.org/officeDocument/2006/relationships/diagramQuickStyle" Target="../diagrams/quickStyle9.xml"/><Relationship Id="rId4" Type="http://schemas.openxmlformats.org/officeDocument/2006/relationships/diagramLayout" Target="../diagrams/layout9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0.xml"/><Relationship Id="rId7" Type="http://schemas.microsoft.com/office/2007/relationships/diagramDrawing" Target="../diagrams/drawing10.xml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10.xml"/><Relationship Id="rId5" Type="http://schemas.openxmlformats.org/officeDocument/2006/relationships/diagramQuickStyle" Target="../diagrams/quickStyle10.xml"/><Relationship Id="rId4" Type="http://schemas.openxmlformats.org/officeDocument/2006/relationships/diagramLayout" Target="../diagrams/layout10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1.xml"/><Relationship Id="rId7" Type="http://schemas.microsoft.com/office/2007/relationships/diagramDrawing" Target="../diagrams/drawing11.xml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11.xml"/><Relationship Id="rId5" Type="http://schemas.openxmlformats.org/officeDocument/2006/relationships/diagramQuickStyle" Target="../diagrams/quickStyle11.xml"/><Relationship Id="rId4" Type="http://schemas.openxmlformats.org/officeDocument/2006/relationships/diagramLayout" Target="../diagrams/layout11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2.xml"/><Relationship Id="rId7" Type="http://schemas.microsoft.com/office/2007/relationships/diagramDrawing" Target="../diagrams/drawing12.xml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12.xml"/><Relationship Id="rId5" Type="http://schemas.openxmlformats.org/officeDocument/2006/relationships/diagramQuickStyle" Target="../diagrams/quickStyle12.xml"/><Relationship Id="rId4" Type="http://schemas.openxmlformats.org/officeDocument/2006/relationships/diagramLayout" Target="../diagrams/layout12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3.xml"/><Relationship Id="rId7" Type="http://schemas.microsoft.com/office/2007/relationships/diagramDrawing" Target="../diagrams/drawing13.xml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13.xml"/><Relationship Id="rId5" Type="http://schemas.openxmlformats.org/officeDocument/2006/relationships/diagramQuickStyle" Target="../diagrams/quickStyle13.xml"/><Relationship Id="rId4" Type="http://schemas.openxmlformats.org/officeDocument/2006/relationships/diagramLayout" Target="../diagrams/layout13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7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4.xml"/><Relationship Id="rId7" Type="http://schemas.microsoft.com/office/2007/relationships/diagramDrawing" Target="../diagrams/drawing14.xml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14.xml"/><Relationship Id="rId5" Type="http://schemas.openxmlformats.org/officeDocument/2006/relationships/diagramQuickStyle" Target="../diagrams/quickStyle14.xml"/><Relationship Id="rId4" Type="http://schemas.openxmlformats.org/officeDocument/2006/relationships/diagramLayout" Target="../diagrams/layout14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3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5" Type="http://schemas.openxmlformats.org/officeDocument/2006/relationships/slideLayout" Target="../slideLayouts/slideLayout6.xml"/><Relationship Id="rId4" Type="http://schemas.openxmlformats.org/officeDocument/2006/relationships/tags" Target="../tags/tag4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6" Type="http://schemas.openxmlformats.org/officeDocument/2006/relationships/slideLayout" Target="../slideLayouts/slideLayout6.xml"/><Relationship Id="rId5" Type="http://schemas.openxmlformats.org/officeDocument/2006/relationships/tags" Target="../tags/tag9.xml"/><Relationship Id="rId4" Type="http://schemas.openxmlformats.org/officeDocument/2006/relationships/tags" Target="../tags/tag8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7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7.xml"/><Relationship Id="rId6" Type="http://schemas.openxmlformats.org/officeDocument/2006/relationships/diagramColors" Target="../diagrams/colors1.xml"/><Relationship Id="rId5" Type="http://schemas.openxmlformats.org/officeDocument/2006/relationships/diagramQuickStyle" Target="../diagrams/quickStyle1.xml"/><Relationship Id="rId4" Type="http://schemas.openxmlformats.org/officeDocument/2006/relationships/diagramLayout" Target="../diagrams/layout1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2.xml"/><Relationship Id="rId7" Type="http://schemas.microsoft.com/office/2007/relationships/diagramDrawing" Target="../diagrams/drawing2.xml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7.xml"/><Relationship Id="rId6" Type="http://schemas.openxmlformats.org/officeDocument/2006/relationships/diagramColors" Target="../diagrams/colors2.xml"/><Relationship Id="rId5" Type="http://schemas.openxmlformats.org/officeDocument/2006/relationships/diagramQuickStyle" Target="../diagrams/quickStyle2.xml"/><Relationship Id="rId4" Type="http://schemas.openxmlformats.org/officeDocument/2006/relationships/diagramLayout" Target="../diagrams/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3.xml"/><Relationship Id="rId7" Type="http://schemas.microsoft.com/office/2007/relationships/diagramDrawing" Target="../diagrams/drawing3.xml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7.xml"/><Relationship Id="rId6" Type="http://schemas.openxmlformats.org/officeDocument/2006/relationships/diagramColors" Target="../diagrams/colors3.xml"/><Relationship Id="rId5" Type="http://schemas.openxmlformats.org/officeDocument/2006/relationships/diagramQuickStyle" Target="../diagrams/quickStyle3.xml"/><Relationship Id="rId4" Type="http://schemas.openxmlformats.org/officeDocument/2006/relationships/diagramLayout" Target="../diagrams/layout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</a:t>
            </a:fld>
            <a:endParaRPr lang="en-ZA" dirty="0"/>
          </a:p>
        </p:txBody>
      </p:sp>
      <p:sp>
        <p:nvSpPr>
          <p:cNvPr id="5" name="TextBox 4"/>
          <p:cNvSpPr txBox="1"/>
          <p:nvPr/>
        </p:nvSpPr>
        <p:spPr>
          <a:xfrm>
            <a:off x="365760" y="2520131"/>
            <a:ext cx="8275320" cy="329320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36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Briefing to the Portfolio </a:t>
            </a:r>
            <a:r>
              <a:rPr lang="en-US" sz="36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ommittee on Police</a:t>
            </a:r>
          </a:p>
          <a:p>
            <a:pPr algn="ctr"/>
            <a:r>
              <a:rPr lang="en-US" sz="36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</a:t>
            </a:r>
            <a:r>
              <a:rPr lang="en-US" sz="36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/>
            </a:r>
            <a:br>
              <a:rPr lang="en-US" sz="36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</a:br>
            <a:r>
              <a:rPr lang="en-US" sz="2800" b="1" dirty="0" smtClean="0">
                <a:solidFill>
                  <a:srgbClr val="FFC000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inisterial &amp; SAPS Transformation </a:t>
            </a:r>
            <a:r>
              <a:rPr lang="en-US" sz="2800" b="1" dirty="0">
                <a:solidFill>
                  <a:srgbClr val="FFC000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ask Team</a:t>
            </a:r>
            <a:endParaRPr lang="en-ZA" sz="2800" b="1" dirty="0">
              <a:solidFill>
                <a:srgbClr val="FFC000"/>
              </a:solidFill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algn="r"/>
            <a:endParaRPr lang="en-ZA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algn="r"/>
            <a:endParaRPr lang="en-ZA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algn="r"/>
            <a:endParaRPr lang="en-ZA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algn="r"/>
            <a:r>
              <a:rPr lang="en-ZA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5 September 2017  </a:t>
            </a:r>
            <a:endParaRPr lang="en-ZA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314525655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0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1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2479015555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</p:spTree>
    <p:extLst>
      <p:ext uri="{BB962C8B-B14F-4D97-AF65-F5344CB8AC3E}">
        <p14:creationId xmlns:p14="http://schemas.microsoft.com/office/powerpoint/2010/main" xmlns="" val="86755419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1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2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3108780675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</p:spTree>
    <p:extLst>
      <p:ext uri="{BB962C8B-B14F-4D97-AF65-F5344CB8AC3E}">
        <p14:creationId xmlns:p14="http://schemas.microsoft.com/office/powerpoint/2010/main" xmlns="" val="16697155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2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3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538902894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14133211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3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4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3455714949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209071126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4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5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1352335458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19770098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5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6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3986549005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14846660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6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7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3694016092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33234414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7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8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2198589976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6523623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8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9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2846061162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363755186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19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10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1869884393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382909933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2</a:t>
            </a:fld>
            <a:endParaRPr lang="en-ZA"/>
          </a:p>
        </p:txBody>
      </p:sp>
      <p:sp>
        <p:nvSpPr>
          <p:cNvPr id="5" name="TextBox 4"/>
          <p:cNvSpPr txBox="1"/>
          <p:nvPr/>
        </p:nvSpPr>
        <p:spPr>
          <a:xfrm>
            <a:off x="569865" y="84132"/>
            <a:ext cx="8004265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400" b="1" dirty="0" smtClean="0"/>
              <a:t>Table of Content</a:t>
            </a:r>
            <a:endParaRPr lang="en-ZA" sz="2400" b="1" dirty="0"/>
          </a:p>
        </p:txBody>
      </p:sp>
      <p:sp>
        <p:nvSpPr>
          <p:cNvPr id="6" name="TextBox 5"/>
          <p:cNvSpPr txBox="1"/>
          <p:nvPr/>
        </p:nvSpPr>
        <p:spPr>
          <a:xfrm>
            <a:off x="125731" y="1089164"/>
            <a:ext cx="8892540" cy="553997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endParaRPr lang="en-ZA" b="1" dirty="0" smtClean="0"/>
          </a:p>
          <a:p>
            <a:pPr marL="457200" indent="-457200">
              <a:buAutoNum type="arabicPeriod"/>
            </a:pPr>
            <a:r>
              <a:rPr lang="en-ZA" sz="24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Background</a:t>
            </a:r>
          </a:p>
          <a:p>
            <a:pPr marL="800100" lvl="1" indent="-342900">
              <a:buFont typeface="Wingdings" panose="05000000000000000000" pitchFamily="2" charset="2"/>
              <a:buChar char="Ø"/>
            </a:pPr>
            <a:r>
              <a:rPr lang="en-ZA" sz="24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ransformation Strategic direction </a:t>
            </a:r>
            <a:endParaRPr lang="en-ZA" sz="2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800100" lvl="1" indent="-342900">
              <a:buFont typeface="Wingdings" panose="05000000000000000000" pitchFamily="2" charset="2"/>
              <a:buChar char="Ø"/>
            </a:pPr>
            <a:r>
              <a:rPr lang="en-GB" altLang="en-US" sz="24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Key implications and points of attentions raised by Farlam commission on SAPS</a:t>
            </a:r>
            <a:endParaRPr lang="en-ZA" sz="24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800100" lvl="1" indent="-342900">
              <a:buFont typeface="Wingdings" panose="05000000000000000000" pitchFamily="2" charset="2"/>
              <a:buChar char="Ø"/>
            </a:pPr>
            <a:r>
              <a:rPr lang="en-ZA" sz="24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cope  of the Ministerial </a:t>
            </a:r>
            <a:r>
              <a:rPr lang="en-ZA" sz="24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&amp; SAPS Transformation </a:t>
            </a:r>
            <a:r>
              <a:rPr lang="en-ZA" sz="24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ask Team </a:t>
            </a:r>
          </a:p>
          <a:p>
            <a:pPr marL="800100" lvl="1" indent="-342900">
              <a:buFont typeface="Wingdings" panose="05000000000000000000" pitchFamily="2" charset="2"/>
              <a:buChar char="Ø"/>
            </a:pPr>
            <a:r>
              <a:rPr lang="en-ZA" sz="24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ummary of NDP  Resolutions which is included in the </a:t>
            </a:r>
            <a:r>
              <a:rPr lang="en-ZA" sz="24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cope</a:t>
            </a:r>
          </a:p>
          <a:p>
            <a:pPr algn="ctr"/>
            <a:endParaRPr lang="en-ZA" sz="2400" dirty="0">
              <a:solidFill>
                <a:srgbClr val="7030A0"/>
              </a:solidFill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457200" indent="-457200">
              <a:buFont typeface="+mj-lt"/>
              <a:buAutoNum type="arabicPeriod" startAt="2"/>
            </a:pPr>
            <a:r>
              <a:rPr lang="en-ZA" sz="24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ransformation </a:t>
            </a:r>
            <a:r>
              <a:rPr lang="en-ZA" sz="24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ask Team  - </a:t>
            </a:r>
            <a:r>
              <a:rPr lang="en-ZA" sz="24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Phased implementation</a:t>
            </a:r>
          </a:p>
          <a:p>
            <a:endParaRPr lang="en-ZA" sz="24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457200" indent="-457200">
              <a:buFont typeface="+mj-lt"/>
              <a:buAutoNum type="arabicPeriod" startAt="3"/>
            </a:pPr>
            <a:r>
              <a:rPr lang="en-ZA" sz="24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Implementation: Progress Report</a:t>
            </a:r>
          </a:p>
          <a:p>
            <a:pPr marL="457200" indent="-457200">
              <a:buFont typeface="+mj-lt"/>
              <a:buAutoNum type="arabicPeriod" startAt="3"/>
            </a:pPr>
            <a:endParaRPr lang="en-ZA" sz="24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457200" lvl="0" indent="-457200">
              <a:buFont typeface="+mj-lt"/>
              <a:buAutoNum type="arabicPeriod" startAt="3"/>
            </a:pPr>
            <a:r>
              <a:rPr lang="en-ZA" sz="24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</a:t>
            </a:r>
            <a:r>
              <a:rPr lang="en-ZA" sz="24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Draft Annual Performance Plan</a:t>
            </a:r>
            <a:endParaRPr lang="en-ZA" sz="24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endParaRPr lang="en-ZA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3067400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20</a:t>
            </a:fld>
            <a:endParaRPr lang="en-ZA" dirty="0"/>
          </a:p>
        </p:txBody>
      </p:sp>
      <p:sp>
        <p:nvSpPr>
          <p:cNvPr id="4" name="TextBox 3"/>
          <p:cNvSpPr txBox="1"/>
          <p:nvPr/>
        </p:nvSpPr>
        <p:spPr>
          <a:xfrm>
            <a:off x="416328" y="60890"/>
            <a:ext cx="886641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STTT Draft Annual Performance Plan (11)</a:t>
            </a:r>
            <a:endParaRPr lang="en-ZA" sz="22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1209391967"/>
              </p:ext>
            </p:extLst>
          </p:nvPr>
        </p:nvGraphicFramePr>
        <p:xfrm>
          <a:off x="-60960" y="1397000"/>
          <a:ext cx="9204960" cy="4959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39175939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21</a:t>
            </a:fld>
            <a:endParaRPr lang="en-ZA" dirty="0"/>
          </a:p>
        </p:txBody>
      </p:sp>
      <p:sp>
        <p:nvSpPr>
          <p:cNvPr id="5" name="TextBox 4"/>
          <p:cNvSpPr txBox="1"/>
          <p:nvPr/>
        </p:nvSpPr>
        <p:spPr>
          <a:xfrm>
            <a:off x="2479935" y="3072984"/>
            <a:ext cx="5006715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6000" b="1" dirty="0" smtClean="0"/>
              <a:t>Thank you  </a:t>
            </a:r>
          </a:p>
          <a:p>
            <a:endParaRPr lang="en-ZA" dirty="0"/>
          </a:p>
          <a:p>
            <a:endParaRPr lang="en-ZA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9989880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Title 1"/>
          <p:cNvSpPr>
            <a:spLocks noGrp="1"/>
          </p:cNvSpPr>
          <p:nvPr>
            <p:ph type="title"/>
          </p:nvPr>
        </p:nvSpPr>
        <p:spPr>
          <a:xfrm>
            <a:off x="1085850" y="-89694"/>
            <a:ext cx="7867650" cy="833438"/>
          </a:xfrm>
        </p:spPr>
        <p:txBody>
          <a:bodyPr>
            <a:normAutofit/>
          </a:bodyPr>
          <a:lstStyle/>
          <a:p>
            <a:pPr algn="ctr"/>
            <a:r>
              <a:rPr lang="en-ZA" altLang="en-US" sz="2000" b="1" dirty="0" smtClean="0">
                <a:latin typeface="+mn-lt"/>
              </a:rPr>
              <a:t>BACKGROUND: </a:t>
            </a:r>
            <a:r>
              <a:rPr lang="en-ZA" sz="2000" b="1" dirty="0"/>
              <a:t>Transformation Strategic </a:t>
            </a:r>
            <a:r>
              <a:rPr lang="en-ZA" sz="2000" b="1" dirty="0" smtClean="0"/>
              <a:t>direction</a:t>
            </a:r>
            <a:endParaRPr lang="en-ZA" altLang="en-US" sz="2000" b="1" dirty="0" smtClean="0">
              <a:latin typeface="+mn-lt"/>
            </a:endParaRPr>
          </a:p>
        </p:txBody>
      </p:sp>
      <p:sp>
        <p:nvSpPr>
          <p:cNvPr id="78" name="Source"/>
          <p:cNvSpPr>
            <a:spLocks noGrp="1"/>
          </p:cNvSpPr>
          <p:nvPr/>
        </p:nvSpPr>
        <p:spPr bwMode="auto">
          <a:xfrm>
            <a:off x="82550" y="2133600"/>
            <a:ext cx="863600" cy="2147888"/>
          </a:xfrm>
          <a:prstGeom prst="rect">
            <a:avLst/>
          </a:prstGeom>
          <a:solidFill>
            <a:schemeClr val="accent6"/>
          </a:solidFill>
          <a:ln w="9525">
            <a:noFill/>
            <a:miter lim="800000"/>
            <a:headEnd/>
            <a:tailEnd/>
          </a:ln>
          <a:effectLst/>
        </p:spPr>
        <p:txBody>
          <a:bodyPr lIns="0" tIns="46796" rIns="0" bIns="46796" anchor="ctr"/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 algn="ctr">
              <a:spcBef>
                <a:spcPts val="0"/>
              </a:spcBef>
              <a:buFont typeface="Verdana" pitchFamily="34" charset="0"/>
              <a:buNone/>
              <a:defRPr/>
            </a:pPr>
            <a:r>
              <a:rPr lang="en-GB" altLang="ja-JP" sz="1200" b="1" dirty="0" smtClean="0">
                <a:solidFill>
                  <a:schemeClr val="bg2"/>
                </a:solidFill>
                <a:latin typeface="+mn-lt"/>
              </a:rPr>
              <a:t>SAPS Missions</a:t>
            </a:r>
            <a:endParaRPr lang="en-ZA" altLang="ja-JP" sz="1200" b="1" dirty="0">
              <a:solidFill>
                <a:schemeClr val="bg2"/>
              </a:solidFill>
              <a:latin typeface="+mn-lt"/>
            </a:endParaRPr>
          </a:p>
        </p:txBody>
      </p:sp>
      <p:sp>
        <p:nvSpPr>
          <p:cNvPr id="96" name="Source"/>
          <p:cNvSpPr>
            <a:spLocks noGrp="1"/>
          </p:cNvSpPr>
          <p:nvPr/>
        </p:nvSpPr>
        <p:spPr bwMode="auto">
          <a:xfrm>
            <a:off x="82550" y="4411663"/>
            <a:ext cx="863600" cy="2112962"/>
          </a:xfrm>
          <a:prstGeom prst="rect">
            <a:avLst/>
          </a:prstGeom>
          <a:solidFill>
            <a:schemeClr val="accent6"/>
          </a:solidFill>
          <a:ln w="9525">
            <a:noFill/>
            <a:miter lim="800000"/>
            <a:headEnd/>
            <a:tailEnd/>
          </a:ln>
          <a:effectLst/>
        </p:spPr>
        <p:txBody>
          <a:bodyPr lIns="0" tIns="46796" rIns="0" bIns="46796" anchor="ctr"/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 algn="ctr">
              <a:spcBef>
                <a:spcPts val="0"/>
              </a:spcBef>
              <a:buClrTx/>
              <a:buFont typeface="Verdana" pitchFamily="34" charset="0"/>
              <a:buNone/>
              <a:defRPr/>
            </a:pPr>
            <a:r>
              <a:rPr lang="en-GB" altLang="ja-JP" sz="1200" b="1" dirty="0">
                <a:solidFill>
                  <a:srgbClr val="FFFFFF"/>
                </a:solidFill>
              </a:rPr>
              <a:t>Key enablers</a:t>
            </a:r>
            <a:endParaRPr lang="en-ZA" altLang="ja-JP" sz="1200" b="1" dirty="0">
              <a:solidFill>
                <a:srgbClr val="FFFFFF"/>
              </a:solidFill>
            </a:endParaRPr>
          </a:p>
        </p:txBody>
      </p:sp>
      <p:sp>
        <p:nvSpPr>
          <p:cNvPr id="7173" name="BainBulletsConfiguration" hidden="1"/>
          <p:cNvSpPr txBox="1">
            <a:spLocks noChangeArrowheads="1"/>
          </p:cNvSpPr>
          <p:nvPr/>
        </p:nvSpPr>
        <p:spPr bwMode="auto">
          <a:xfrm>
            <a:off x="12700" y="12700"/>
            <a:ext cx="8890000" cy="904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5997" tIns="35997" rIns="35997" bIns="35997">
            <a:spAutoFit/>
          </a:bodyPr>
          <a:lstStyle>
            <a:lvl1pPr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eaLnBrk="1" hangingPunct="1">
              <a:spcBef>
                <a:spcPct val="0"/>
              </a:spcBef>
              <a:buClrTx/>
              <a:buSzTx/>
              <a:buFontTx/>
              <a:buNone/>
            </a:pPr>
            <a:r>
              <a:rPr lang="en-GB" altLang="en-US" sz="100">
                <a:solidFill>
                  <a:srgbClr val="FFFFFF"/>
                </a:solidFill>
              </a:rPr>
              <a:t>26_85 27_85 28_85 30_85</a:t>
            </a:r>
          </a:p>
        </p:txBody>
      </p:sp>
      <p:sp>
        <p:nvSpPr>
          <p:cNvPr id="74" name="Isosceles Triangle 73"/>
          <p:cNvSpPr>
            <a:spLocks noChangeAspect="1"/>
          </p:cNvSpPr>
          <p:nvPr/>
        </p:nvSpPr>
        <p:spPr>
          <a:xfrm>
            <a:off x="990600" y="1031875"/>
            <a:ext cx="8032750" cy="741363"/>
          </a:xfrm>
          <a:prstGeom prst="triangle">
            <a:avLst/>
          </a:prstGeom>
          <a:solidFill>
            <a:srgbClr val="003974"/>
          </a:solidFill>
          <a:ln w="508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GB" sz="2000" dirty="0">
              <a:solidFill>
                <a:srgbClr val="FFFFFF"/>
              </a:solidFill>
            </a:endParaRPr>
          </a:p>
        </p:txBody>
      </p:sp>
      <p:sp>
        <p:nvSpPr>
          <p:cNvPr id="56" name="Rectangle 55"/>
          <p:cNvSpPr/>
          <p:nvPr/>
        </p:nvSpPr>
        <p:spPr>
          <a:xfrm>
            <a:off x="990600" y="1773238"/>
            <a:ext cx="8032750" cy="358775"/>
          </a:xfrm>
          <a:prstGeom prst="rect">
            <a:avLst/>
          </a:prstGeom>
          <a:solidFill>
            <a:srgbClr val="00639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/>
          <a:lstStyle/>
          <a:p>
            <a:pPr algn="ctr" eaLnBrk="1" fontAlgn="b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ZA" sz="1000" dirty="0">
                <a:solidFill>
                  <a:schemeClr val="bg2"/>
                </a:solidFill>
              </a:rPr>
              <a:t>Reduction in </a:t>
            </a:r>
            <a:r>
              <a:rPr lang="en-ZA" sz="1000" b="1" dirty="0">
                <a:solidFill>
                  <a:schemeClr val="bg2"/>
                </a:solidFill>
              </a:rPr>
              <a:t>violent crime rate</a:t>
            </a:r>
            <a:r>
              <a:rPr lang="en-ZA" sz="1000" dirty="0">
                <a:solidFill>
                  <a:schemeClr val="bg2"/>
                </a:solidFill>
              </a:rPr>
              <a:t>, reduction in </a:t>
            </a:r>
            <a:r>
              <a:rPr lang="en-ZA" sz="1000" b="1" dirty="0">
                <a:solidFill>
                  <a:schemeClr val="bg2"/>
                </a:solidFill>
              </a:rPr>
              <a:t>crime against women and children</a:t>
            </a:r>
            <a:r>
              <a:rPr lang="en-ZA" sz="1000" dirty="0">
                <a:solidFill>
                  <a:schemeClr val="bg2"/>
                </a:solidFill>
              </a:rPr>
              <a:t>, increase in </a:t>
            </a:r>
            <a:r>
              <a:rPr lang="en-ZA" sz="1000" b="1" dirty="0">
                <a:solidFill>
                  <a:schemeClr val="bg2"/>
                </a:solidFill>
              </a:rPr>
              <a:t>detection rates</a:t>
            </a:r>
            <a:r>
              <a:rPr lang="en-ZA" sz="1000" dirty="0">
                <a:solidFill>
                  <a:schemeClr val="bg2"/>
                </a:solidFill>
              </a:rPr>
              <a:t>, shift in </a:t>
            </a:r>
            <a:r>
              <a:rPr lang="en-ZA" sz="1000" b="1" dirty="0">
                <a:solidFill>
                  <a:schemeClr val="bg2"/>
                </a:solidFill>
              </a:rPr>
              <a:t>public perception </a:t>
            </a:r>
            <a:r>
              <a:rPr lang="en-ZA" sz="1000" dirty="0">
                <a:solidFill>
                  <a:schemeClr val="bg2"/>
                </a:solidFill>
              </a:rPr>
              <a:t>of the SAPS force, Transparency </a:t>
            </a:r>
            <a:r>
              <a:rPr lang="en-ZA" sz="1000" b="1" dirty="0">
                <a:solidFill>
                  <a:schemeClr val="bg2"/>
                </a:solidFill>
              </a:rPr>
              <a:t>Corruption Perception Score, Net Promoter Score, </a:t>
            </a:r>
            <a:r>
              <a:rPr lang="en-ZA" sz="1000" dirty="0">
                <a:solidFill>
                  <a:schemeClr val="bg2"/>
                </a:solidFill>
              </a:rPr>
              <a:t>etc.</a:t>
            </a:r>
            <a:endParaRPr lang="en-ZA" sz="1000" dirty="0">
              <a:solidFill>
                <a:schemeClr val="bg2"/>
              </a:solidFill>
              <a:latin typeface="Calibri"/>
            </a:endParaRPr>
          </a:p>
        </p:txBody>
      </p:sp>
      <p:sp>
        <p:nvSpPr>
          <p:cNvPr id="40" name="Source"/>
          <p:cNvSpPr>
            <a:spLocks noGrp="1"/>
          </p:cNvSpPr>
          <p:nvPr/>
        </p:nvSpPr>
        <p:spPr bwMode="auto">
          <a:xfrm>
            <a:off x="82550" y="1773238"/>
            <a:ext cx="863600" cy="358775"/>
          </a:xfrm>
          <a:prstGeom prst="rect">
            <a:avLst/>
          </a:prstGeom>
          <a:solidFill>
            <a:schemeClr val="accent6"/>
          </a:solidFill>
          <a:ln w="9525">
            <a:noFill/>
            <a:miter lim="800000"/>
            <a:headEnd/>
            <a:tailEnd/>
          </a:ln>
          <a:effectLst/>
        </p:spPr>
        <p:txBody>
          <a:bodyPr lIns="0" tIns="46796" rIns="0" bIns="46796" anchor="ctr"/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 algn="ctr">
              <a:spcBef>
                <a:spcPts val="0"/>
              </a:spcBef>
              <a:buFont typeface="Verdana" pitchFamily="34" charset="0"/>
              <a:buNone/>
              <a:defRPr/>
            </a:pPr>
            <a:r>
              <a:rPr lang="en-GB" altLang="ja-JP" sz="1200" b="1" dirty="0" smtClean="0">
                <a:solidFill>
                  <a:schemeClr val="bg2"/>
                </a:solidFill>
                <a:latin typeface="+mn-lt"/>
              </a:rPr>
              <a:t>Goals/ metrics</a:t>
            </a:r>
            <a:endParaRPr lang="en-ZA" altLang="ja-JP" sz="1200" b="1" dirty="0">
              <a:solidFill>
                <a:schemeClr val="bg2"/>
              </a:solidFill>
              <a:latin typeface="+mn-lt"/>
            </a:endParaRPr>
          </a:p>
        </p:txBody>
      </p:sp>
      <p:sp>
        <p:nvSpPr>
          <p:cNvPr id="7177" name="Source"/>
          <p:cNvSpPr>
            <a:spLocks noGrp="1"/>
          </p:cNvSpPr>
          <p:nvPr/>
        </p:nvSpPr>
        <p:spPr bwMode="auto">
          <a:xfrm>
            <a:off x="990600" y="2135188"/>
            <a:ext cx="1925638" cy="2146300"/>
          </a:xfrm>
          <a:prstGeom prst="rect">
            <a:avLst/>
          </a:prstGeom>
          <a:solidFill>
            <a:srgbClr val="0070C0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/>
          <a:lstStyle>
            <a:lvl1pPr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>
              <a:spcBef>
                <a:spcPct val="0"/>
              </a:spcBef>
              <a:buClrTx/>
              <a:buSzTx/>
              <a:buFont typeface="Verdana" panose="020B0604030504040204" pitchFamily="34" charset="0"/>
              <a:buNone/>
            </a:pPr>
            <a:r>
              <a:rPr lang="en-ZA" altLang="ja-JP" sz="1200" b="1">
                <a:solidFill>
                  <a:srgbClr val="FFFFFF"/>
                </a:solidFill>
              </a:rPr>
              <a:t>Improve SAPS proximity and accessibility</a:t>
            </a:r>
          </a:p>
          <a:p>
            <a:pPr algn="ctr">
              <a:spcBef>
                <a:spcPct val="0"/>
              </a:spcBef>
              <a:buClrTx/>
              <a:buSzTx/>
              <a:buFont typeface="Verdana" panose="020B0604030504040204" pitchFamily="34" charset="0"/>
              <a:buNone/>
            </a:pPr>
            <a:endParaRPr lang="en-ZA" altLang="ja-JP" sz="1200" b="1">
              <a:solidFill>
                <a:srgbClr val="FFFFFF"/>
              </a:solidFill>
            </a:endParaRPr>
          </a:p>
        </p:txBody>
      </p:sp>
      <p:sp>
        <p:nvSpPr>
          <p:cNvPr id="7178" name="Rectangle 69"/>
          <p:cNvSpPr>
            <a:spLocks noChangeArrowheads="1"/>
          </p:cNvSpPr>
          <p:nvPr/>
        </p:nvSpPr>
        <p:spPr bwMode="gray">
          <a:xfrm>
            <a:off x="1003300" y="5846763"/>
            <a:ext cx="8032750" cy="369887"/>
          </a:xfrm>
          <a:prstGeom prst="rect">
            <a:avLst/>
          </a:prstGeom>
          <a:solidFill>
            <a:srgbClr val="DDDDDD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31" tIns="45716" rIns="91431" bIns="45716"/>
          <a:lstStyle>
            <a:lvl1pPr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 eaLnBrk="1" hangingPunct="1">
              <a:spcBef>
                <a:spcPct val="0"/>
              </a:spcBef>
              <a:buClrTx/>
              <a:buSzTx/>
              <a:buFontTx/>
              <a:buNone/>
            </a:pPr>
            <a:r>
              <a:rPr lang="en-ZA" altLang="en-US" sz="1200" b="1" noProof="1">
                <a:solidFill>
                  <a:srgbClr val="000000"/>
                </a:solidFill>
              </a:rPr>
              <a:t>Funding </a:t>
            </a:r>
          </a:p>
          <a:p>
            <a:pPr algn="ctr" eaLnBrk="1" hangingPunct="1">
              <a:spcBef>
                <a:spcPct val="0"/>
              </a:spcBef>
              <a:buClrTx/>
              <a:buSzTx/>
              <a:buFontTx/>
              <a:buNone/>
            </a:pPr>
            <a:r>
              <a:rPr lang="en-ZA" altLang="en-US" sz="800" i="1" noProof="1">
                <a:solidFill>
                  <a:srgbClr val="000000"/>
                </a:solidFill>
              </a:rPr>
              <a:t>(Adequate funding to allow potential compensation increases and priority equipment upgrades)</a:t>
            </a:r>
            <a:endParaRPr lang="en-ZA" altLang="en-US" sz="800" b="1" noProof="1">
              <a:solidFill>
                <a:srgbClr val="000000"/>
              </a:solidFill>
            </a:endParaRPr>
          </a:p>
        </p:txBody>
      </p:sp>
      <p:sp>
        <p:nvSpPr>
          <p:cNvPr id="7179" name="Source"/>
          <p:cNvSpPr>
            <a:spLocks noGrp="1"/>
          </p:cNvSpPr>
          <p:nvPr/>
        </p:nvSpPr>
        <p:spPr bwMode="auto">
          <a:xfrm>
            <a:off x="3019425" y="2135188"/>
            <a:ext cx="1924050" cy="2146300"/>
          </a:xfrm>
          <a:prstGeom prst="rect">
            <a:avLst/>
          </a:prstGeom>
          <a:solidFill>
            <a:srgbClr val="0070C0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/>
          <a:lstStyle>
            <a:lvl1pPr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>
              <a:spcBef>
                <a:spcPct val="0"/>
              </a:spcBef>
              <a:buClrTx/>
              <a:buSzPct val="100000"/>
              <a:buFont typeface="Verdana" panose="020B0604030504040204" pitchFamily="34" charset="0"/>
              <a:buNone/>
            </a:pPr>
            <a:r>
              <a:rPr lang="en-ZA" altLang="en-US" sz="1200" b="1">
                <a:solidFill>
                  <a:srgbClr val="FFFFFF"/>
                </a:solidFill>
              </a:rPr>
              <a:t>Prevent, investigate, repress crime</a:t>
            </a:r>
          </a:p>
          <a:p>
            <a:pPr algn="ctr">
              <a:spcBef>
                <a:spcPct val="0"/>
              </a:spcBef>
              <a:buClrTx/>
              <a:buSzPct val="100000"/>
              <a:buFont typeface="Verdana" panose="020B0604030504040204" pitchFamily="34" charset="0"/>
              <a:buNone/>
            </a:pPr>
            <a:endParaRPr lang="en-ZA" altLang="en-US" sz="1200" b="1">
              <a:solidFill>
                <a:srgbClr val="FFFFFF"/>
              </a:solidFill>
            </a:endParaRPr>
          </a:p>
          <a:p>
            <a:pPr algn="ctr">
              <a:spcBef>
                <a:spcPct val="0"/>
              </a:spcBef>
              <a:buClrTx/>
              <a:buSzPct val="100000"/>
              <a:buFont typeface="Verdana" panose="020B0604030504040204" pitchFamily="34" charset="0"/>
              <a:buNone/>
            </a:pPr>
            <a:endParaRPr lang="en-ZA" altLang="en-US" sz="1200" b="1">
              <a:solidFill>
                <a:srgbClr val="FFFFFF"/>
              </a:solidFill>
            </a:endParaRPr>
          </a:p>
        </p:txBody>
      </p:sp>
      <p:sp>
        <p:nvSpPr>
          <p:cNvPr id="7180" name="TextBox 52"/>
          <p:cNvSpPr txBox="1">
            <a:spLocks noChangeArrowheads="1"/>
          </p:cNvSpPr>
          <p:nvPr/>
        </p:nvSpPr>
        <p:spPr bwMode="auto">
          <a:xfrm>
            <a:off x="2514600" y="1184275"/>
            <a:ext cx="4968875" cy="565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5997" tIns="35997" rIns="35997" bIns="35997">
            <a:spAutoFit/>
          </a:bodyPr>
          <a:lstStyle>
            <a:lvl1pPr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 eaLnBrk="1" hangingPunct="1">
              <a:spcBef>
                <a:spcPct val="0"/>
              </a:spcBef>
              <a:buClrTx/>
              <a:buSzTx/>
              <a:buFontTx/>
              <a:buNone/>
            </a:pPr>
            <a:r>
              <a:rPr lang="en-GB" altLang="en-US" sz="1200" b="1">
                <a:solidFill>
                  <a:schemeClr val="bg2"/>
                </a:solidFill>
              </a:rPr>
              <a:t>Vision/ambition:</a:t>
            </a:r>
          </a:p>
          <a:p>
            <a:pPr algn="ctr" eaLnBrk="1" hangingPunct="1">
              <a:spcBef>
                <a:spcPct val="0"/>
              </a:spcBef>
              <a:buClrTx/>
              <a:buSzTx/>
              <a:buFontTx/>
              <a:buNone/>
            </a:pPr>
            <a:r>
              <a:rPr lang="en-ZA" altLang="en-US" sz="1000">
                <a:solidFill>
                  <a:schemeClr val="bg2"/>
                </a:solidFill>
              </a:rPr>
              <a:t>Make South Africa safe and build a national</a:t>
            </a:r>
          </a:p>
          <a:p>
            <a:pPr algn="ctr" eaLnBrk="1" hangingPunct="1">
              <a:spcBef>
                <a:spcPct val="0"/>
              </a:spcBef>
              <a:buClrTx/>
              <a:buSzTx/>
              <a:buFontTx/>
              <a:buNone/>
            </a:pPr>
            <a:r>
              <a:rPr lang="en-ZA" altLang="en-US" sz="1000">
                <a:solidFill>
                  <a:schemeClr val="bg2"/>
                </a:solidFill>
              </a:rPr>
              <a:t> asset that South Africans are proud of and police officers  proud to serve in</a:t>
            </a:r>
            <a:endParaRPr lang="en-GB" altLang="en-US" sz="1000">
              <a:solidFill>
                <a:schemeClr val="bg2"/>
              </a:solidFill>
            </a:endParaRPr>
          </a:p>
        </p:txBody>
      </p:sp>
      <p:sp>
        <p:nvSpPr>
          <p:cNvPr id="7181" name="Source"/>
          <p:cNvSpPr>
            <a:spLocks noGrp="1"/>
          </p:cNvSpPr>
          <p:nvPr/>
        </p:nvSpPr>
        <p:spPr bwMode="auto">
          <a:xfrm>
            <a:off x="1003300" y="4292600"/>
            <a:ext cx="8032750" cy="369888"/>
          </a:xfrm>
          <a:prstGeom prst="rect">
            <a:avLst/>
          </a:prstGeom>
          <a:solidFill>
            <a:srgbClr val="DDDDDD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/>
          <a:lstStyle>
            <a:lvl1pPr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>
              <a:spcBef>
                <a:spcPct val="0"/>
              </a:spcBef>
              <a:buClrTx/>
              <a:buSzTx/>
              <a:buFont typeface="Verdana" panose="020B0604030504040204" pitchFamily="34" charset="0"/>
              <a:buNone/>
            </a:pPr>
            <a:r>
              <a:rPr lang="en-ZA" altLang="ja-JP" sz="1200" b="1">
                <a:solidFill>
                  <a:srgbClr val="000000"/>
                </a:solidFill>
              </a:rPr>
              <a:t>Culture and people</a:t>
            </a:r>
          </a:p>
          <a:p>
            <a:pPr algn="ctr">
              <a:spcBef>
                <a:spcPct val="0"/>
              </a:spcBef>
              <a:buClrTx/>
              <a:buSzTx/>
              <a:buFont typeface="Verdana" panose="020B0604030504040204" pitchFamily="34" charset="0"/>
              <a:buNone/>
            </a:pPr>
            <a:r>
              <a:rPr lang="en-ZA" altLang="ja-JP" sz="800" i="1">
                <a:solidFill>
                  <a:srgbClr val="000000"/>
                </a:solidFill>
              </a:rPr>
              <a:t>(Strong leadership, Police Academy, adequate training, performance mgt,  role models recognition, use of experienced reservists, adequate compensation)</a:t>
            </a:r>
          </a:p>
        </p:txBody>
      </p:sp>
      <p:sp>
        <p:nvSpPr>
          <p:cNvPr id="7182" name="Source"/>
          <p:cNvSpPr>
            <a:spLocks noGrp="1"/>
          </p:cNvSpPr>
          <p:nvPr/>
        </p:nvSpPr>
        <p:spPr bwMode="auto">
          <a:xfrm>
            <a:off x="1003300" y="4689475"/>
            <a:ext cx="8032750" cy="369888"/>
          </a:xfrm>
          <a:prstGeom prst="rect">
            <a:avLst/>
          </a:prstGeom>
          <a:solidFill>
            <a:srgbClr val="DDDDDD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/>
          <a:lstStyle>
            <a:lvl1pPr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>
              <a:spcBef>
                <a:spcPct val="0"/>
              </a:spcBef>
              <a:buClrTx/>
              <a:buSzPct val="100000"/>
              <a:buFont typeface="Verdana" panose="020B0604030504040204" pitchFamily="34" charset="0"/>
              <a:buNone/>
            </a:pPr>
            <a:r>
              <a:rPr lang="en-GB" altLang="en-US" sz="1200" b="1">
                <a:solidFill>
                  <a:srgbClr val="000000"/>
                </a:solidFill>
              </a:rPr>
              <a:t>Organization structure</a:t>
            </a:r>
          </a:p>
          <a:p>
            <a:pPr algn="ctr" eaLnBrk="1" hangingPunct="1">
              <a:spcBef>
                <a:spcPct val="0"/>
              </a:spcBef>
              <a:buClrTx/>
              <a:buSzPct val="100000"/>
              <a:buFontTx/>
              <a:buNone/>
            </a:pPr>
            <a:r>
              <a:rPr lang="en-ZA" altLang="en-US" sz="800" i="1">
                <a:solidFill>
                  <a:srgbClr val="000000"/>
                </a:solidFill>
              </a:rPr>
              <a:t>(Sizing, number of layers, level of specialization, how to deploy resources/equipment in differentiated way, standardized and optimized processes )</a:t>
            </a:r>
            <a:endParaRPr lang="en-GB" altLang="en-US" sz="800" i="1">
              <a:solidFill>
                <a:srgbClr val="000000"/>
              </a:solidFill>
            </a:endParaRPr>
          </a:p>
        </p:txBody>
      </p:sp>
      <p:sp>
        <p:nvSpPr>
          <p:cNvPr id="7183" name="Source"/>
          <p:cNvSpPr>
            <a:spLocks noGrp="1"/>
          </p:cNvSpPr>
          <p:nvPr/>
        </p:nvSpPr>
        <p:spPr bwMode="auto">
          <a:xfrm>
            <a:off x="5046663" y="2135188"/>
            <a:ext cx="1925637" cy="2146300"/>
          </a:xfrm>
          <a:prstGeom prst="rect">
            <a:avLst/>
          </a:prstGeom>
          <a:solidFill>
            <a:srgbClr val="0070C0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/>
          <a:lstStyle>
            <a:lvl1pPr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>
              <a:spcBef>
                <a:spcPct val="0"/>
              </a:spcBef>
              <a:buClrTx/>
              <a:buSzPct val="100000"/>
              <a:buFont typeface="Verdana" panose="020B0604030504040204" pitchFamily="34" charset="0"/>
              <a:buNone/>
            </a:pPr>
            <a:r>
              <a:rPr lang="en-ZA" altLang="en-US" sz="1200" b="1">
                <a:solidFill>
                  <a:srgbClr val="FFFFFF"/>
                </a:solidFill>
              </a:rPr>
              <a:t>Integrate Security Cluster</a:t>
            </a:r>
            <a:endParaRPr lang="en-GB" altLang="en-US" sz="1200" b="1">
              <a:solidFill>
                <a:srgbClr val="FFFFFF"/>
              </a:solidFill>
            </a:endParaRPr>
          </a:p>
        </p:txBody>
      </p:sp>
      <p:sp>
        <p:nvSpPr>
          <p:cNvPr id="31" name="Rectangle 69"/>
          <p:cNvSpPr>
            <a:spLocks noChangeArrowheads="1"/>
          </p:cNvSpPr>
          <p:nvPr/>
        </p:nvSpPr>
        <p:spPr bwMode="gray">
          <a:xfrm>
            <a:off x="1003300" y="5462588"/>
            <a:ext cx="8032750" cy="368300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>
            <a:solidFill>
              <a:schemeClr val="bg2"/>
            </a:solidFill>
            <a:miter lim="800000"/>
            <a:headEnd/>
            <a:tailEnd/>
          </a:ln>
          <a:effectLst/>
        </p:spPr>
        <p:txBody>
          <a:bodyPr lIns="91431" tIns="45716" rIns="91431" bIns="45716"/>
          <a:lstStyle>
            <a:lvl1pPr>
              <a:defRPr>
                <a:solidFill>
                  <a:schemeClr val="tx1"/>
                </a:solidFill>
                <a:latin typeface="Verdana" pitchFamily="34" charset="0"/>
                <a:ea typeface="MS PGothic" pitchFamily="34" charset="-128"/>
              </a:defRPr>
            </a:lvl1pPr>
            <a:lvl2pPr marL="742950" indent="-285750">
              <a:defRPr>
                <a:solidFill>
                  <a:schemeClr val="tx1"/>
                </a:solidFill>
                <a:latin typeface="Verdana" pitchFamily="34" charset="0"/>
                <a:ea typeface="MS PGothic" pitchFamily="34" charset="-128"/>
              </a:defRPr>
            </a:lvl2pPr>
            <a:lvl3pPr marL="1143000" indent="-228600">
              <a:defRPr>
                <a:solidFill>
                  <a:schemeClr val="tx1"/>
                </a:solidFill>
                <a:latin typeface="Verdana" pitchFamily="34" charset="0"/>
                <a:ea typeface="MS PGothic" pitchFamily="34" charset="-128"/>
              </a:defRPr>
            </a:lvl3pPr>
            <a:lvl4pPr marL="1600200" indent="-228600">
              <a:defRPr>
                <a:solidFill>
                  <a:schemeClr val="tx1"/>
                </a:solidFill>
                <a:latin typeface="Verdana" pitchFamily="34" charset="0"/>
                <a:ea typeface="MS PGothic" pitchFamily="34" charset="-128"/>
              </a:defRPr>
            </a:lvl4pPr>
            <a:lvl5pPr marL="2057400" indent="-228600">
              <a:defRPr>
                <a:solidFill>
                  <a:schemeClr val="tx1"/>
                </a:solidFill>
                <a:latin typeface="Verdana" pitchFamily="34" charset="0"/>
                <a:ea typeface="MS PGothic" pitchFamily="34" charset="-128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itchFamily="34" charset="0"/>
                <a:ea typeface="MS PGothic" pitchFamily="34" charset="-128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itchFamily="34" charset="0"/>
                <a:ea typeface="MS PGothic" pitchFamily="34" charset="-128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itchFamily="34" charset="0"/>
                <a:ea typeface="MS PGothic" pitchFamily="34" charset="-128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itchFamily="34" charset="0"/>
                <a:ea typeface="MS PGothic" pitchFamily="34" charset="-128"/>
              </a:defRPr>
            </a:lvl9pPr>
          </a:lstStyle>
          <a:p>
            <a:pPr algn="ctr" eaLnBrk="1" hangingPunct="1">
              <a:defRPr/>
            </a:pPr>
            <a:r>
              <a:rPr lang="en-ZA" altLang="en-US" sz="1200" b="1" noProof="1" smtClean="0"/>
              <a:t>ICT infrastructure and equipment </a:t>
            </a:r>
          </a:p>
          <a:p>
            <a:pPr algn="ctr" eaLnBrk="1" hangingPunct="1">
              <a:defRPr/>
            </a:pPr>
            <a:r>
              <a:rPr lang="en-ZA" altLang="en-US" sz="800" i="1" noProof="1" smtClean="0"/>
              <a:t>(Criminal databases, mobile communication, CCTV technology, police station equipment, vehicles, labs, fire arms, protective gear, …)</a:t>
            </a:r>
          </a:p>
        </p:txBody>
      </p:sp>
      <p:sp>
        <p:nvSpPr>
          <p:cNvPr id="7185" name="Rectangle 69"/>
          <p:cNvSpPr>
            <a:spLocks noChangeArrowheads="1"/>
          </p:cNvSpPr>
          <p:nvPr/>
        </p:nvSpPr>
        <p:spPr bwMode="gray">
          <a:xfrm>
            <a:off x="1003300" y="6259513"/>
            <a:ext cx="8032750" cy="368300"/>
          </a:xfrm>
          <a:prstGeom prst="rect">
            <a:avLst/>
          </a:prstGeom>
          <a:solidFill>
            <a:srgbClr val="DDDDDD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31" tIns="45716" rIns="91431" bIns="45716"/>
          <a:lstStyle>
            <a:lvl1pPr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 eaLnBrk="1" hangingPunct="1">
              <a:spcBef>
                <a:spcPct val="0"/>
              </a:spcBef>
              <a:buClrTx/>
              <a:buSzTx/>
              <a:buFontTx/>
              <a:buNone/>
            </a:pPr>
            <a:r>
              <a:rPr lang="en-ZA" altLang="en-US" sz="1200" b="1" noProof="1">
                <a:solidFill>
                  <a:srgbClr val="000000"/>
                </a:solidFill>
              </a:rPr>
              <a:t>Legislation, policy, regulation </a:t>
            </a:r>
          </a:p>
          <a:p>
            <a:pPr algn="ctr" eaLnBrk="1" hangingPunct="1">
              <a:spcBef>
                <a:spcPct val="0"/>
              </a:spcBef>
              <a:buClrTx/>
              <a:buSzTx/>
              <a:buFontTx/>
              <a:buNone/>
            </a:pPr>
            <a:r>
              <a:rPr lang="en-ZA" altLang="en-US" sz="800" i="1" noProof="1">
                <a:solidFill>
                  <a:srgbClr val="000000"/>
                </a:solidFill>
              </a:rPr>
              <a:t>(Adequate laws to support police effectiveness)</a:t>
            </a:r>
            <a:endParaRPr lang="en-ZA" altLang="en-US" sz="800" b="1" noProof="1">
              <a:solidFill>
                <a:srgbClr val="000000"/>
              </a:solidFill>
            </a:endParaRPr>
          </a:p>
        </p:txBody>
      </p:sp>
      <p:sp>
        <p:nvSpPr>
          <p:cNvPr id="7186" name="Source"/>
          <p:cNvSpPr>
            <a:spLocks noGrp="1"/>
          </p:cNvSpPr>
          <p:nvPr/>
        </p:nvSpPr>
        <p:spPr bwMode="auto">
          <a:xfrm>
            <a:off x="7075488" y="2136775"/>
            <a:ext cx="1924050" cy="2146300"/>
          </a:xfrm>
          <a:prstGeom prst="rect">
            <a:avLst/>
          </a:prstGeom>
          <a:solidFill>
            <a:srgbClr val="0070C0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/>
          <a:lstStyle>
            <a:lvl1pPr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>
              <a:spcBef>
                <a:spcPct val="0"/>
              </a:spcBef>
              <a:buClrTx/>
              <a:buSzPct val="100000"/>
              <a:buFont typeface="Verdana" panose="020B0604030504040204" pitchFamily="34" charset="0"/>
              <a:buNone/>
            </a:pPr>
            <a:r>
              <a:rPr lang="en-ZA" altLang="en-US" sz="1200" b="1">
                <a:solidFill>
                  <a:srgbClr val="FFFFFF"/>
                </a:solidFill>
              </a:rPr>
              <a:t>Coordinate international entities</a:t>
            </a:r>
          </a:p>
        </p:txBody>
      </p:sp>
      <p:sp>
        <p:nvSpPr>
          <p:cNvPr id="7187" name="Source"/>
          <p:cNvSpPr>
            <a:spLocks noGrp="1"/>
          </p:cNvSpPr>
          <p:nvPr/>
        </p:nvSpPr>
        <p:spPr bwMode="auto">
          <a:xfrm>
            <a:off x="1116013" y="3976688"/>
            <a:ext cx="7704137" cy="338137"/>
          </a:xfrm>
          <a:prstGeom prst="rect">
            <a:avLst/>
          </a:prstGeom>
          <a:solidFill>
            <a:srgbClr val="C00000"/>
          </a:solidFill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46796" rIns="0" bIns="46796" anchor="ctr"/>
          <a:lstStyle>
            <a:lvl1pPr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>
              <a:spcBef>
                <a:spcPct val="0"/>
              </a:spcBef>
              <a:buClrTx/>
              <a:buSzPct val="100000"/>
              <a:buFontTx/>
              <a:buNone/>
            </a:pPr>
            <a:r>
              <a:rPr lang="en-GB" altLang="en-US" sz="1200" b="1" dirty="0">
                <a:solidFill>
                  <a:srgbClr val="FFFFFF"/>
                </a:solidFill>
              </a:rPr>
              <a:t>Implementation of Farlam Commission recommendations</a:t>
            </a:r>
          </a:p>
        </p:txBody>
      </p:sp>
      <p:sp>
        <p:nvSpPr>
          <p:cNvPr id="7188" name="Source"/>
          <p:cNvSpPr>
            <a:spLocks noGrp="1"/>
          </p:cNvSpPr>
          <p:nvPr>
            <p:custDataLst>
              <p:tags r:id="rId1"/>
            </p:custDataLst>
          </p:nvPr>
        </p:nvSpPr>
        <p:spPr bwMode="auto">
          <a:xfrm>
            <a:off x="1000125" y="2705100"/>
            <a:ext cx="1924050" cy="7064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6000" tIns="46796" rIns="36000" bIns="46796"/>
          <a:lstStyle>
            <a:lvl1pPr marL="182563" indent="-182563"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449263" indent="-182563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>
              <a:spcBef>
                <a:spcPts val="475"/>
              </a:spcBef>
              <a:buClrTx/>
              <a:buSzPct val="100000"/>
            </a:pPr>
            <a:r>
              <a:rPr lang="en-ZA" altLang="ja-JP" sz="1000">
                <a:solidFill>
                  <a:srgbClr val="FFFFFF"/>
                </a:solidFill>
              </a:rPr>
              <a:t>Improve visibility in the community </a:t>
            </a:r>
          </a:p>
          <a:p>
            <a:pPr lvl="1">
              <a:spcBef>
                <a:spcPts val="188"/>
              </a:spcBef>
              <a:buClrTx/>
              <a:buSzPct val="100000"/>
            </a:pPr>
            <a:endParaRPr lang="en-ZA" altLang="ja-JP" sz="800">
              <a:solidFill>
                <a:srgbClr val="FFFFFF"/>
              </a:solidFill>
            </a:endParaRPr>
          </a:p>
          <a:p>
            <a:pPr>
              <a:spcBef>
                <a:spcPts val="475"/>
              </a:spcBef>
              <a:buClrTx/>
              <a:buSzPct val="100000"/>
            </a:pPr>
            <a:r>
              <a:rPr lang="en-ZA" altLang="ja-JP" sz="1000">
                <a:solidFill>
                  <a:srgbClr val="FFFFFF"/>
                </a:solidFill>
              </a:rPr>
              <a:t>Increased engagement with the community</a:t>
            </a:r>
            <a:endParaRPr lang="en-ZA" altLang="ja-JP" sz="1000" b="1">
              <a:solidFill>
                <a:srgbClr val="FFFFFF"/>
              </a:solidFill>
            </a:endParaRPr>
          </a:p>
        </p:txBody>
      </p:sp>
      <p:sp>
        <p:nvSpPr>
          <p:cNvPr id="7189" name="Source"/>
          <p:cNvSpPr>
            <a:spLocks noGrp="1"/>
          </p:cNvSpPr>
          <p:nvPr>
            <p:custDataLst>
              <p:tags r:id="rId2"/>
            </p:custDataLst>
          </p:nvPr>
        </p:nvSpPr>
        <p:spPr bwMode="auto">
          <a:xfrm>
            <a:off x="3027363" y="2705100"/>
            <a:ext cx="1924050" cy="7064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6000" tIns="46796" rIns="36000" bIns="46796"/>
          <a:lstStyle>
            <a:lvl1pPr marL="182563" indent="-182563"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>
              <a:spcBef>
                <a:spcPts val="475"/>
              </a:spcBef>
              <a:buClrTx/>
              <a:buSzPct val="100000"/>
            </a:pPr>
            <a:r>
              <a:rPr lang="en-ZA" altLang="ja-JP" sz="1000">
                <a:solidFill>
                  <a:srgbClr val="FFFFFF"/>
                </a:solidFill>
              </a:rPr>
              <a:t>Implement crime prevention measures, including predictive analytics</a:t>
            </a:r>
          </a:p>
          <a:p>
            <a:pPr>
              <a:spcBef>
                <a:spcPts val="475"/>
              </a:spcBef>
              <a:buClrTx/>
              <a:buSzPct val="100000"/>
            </a:pPr>
            <a:r>
              <a:rPr lang="en-ZA" altLang="ja-JP" sz="1000">
                <a:solidFill>
                  <a:srgbClr val="FFFFFF"/>
                </a:solidFill>
              </a:rPr>
              <a:t>Repress/investigate/ resolve crimes quickly</a:t>
            </a:r>
          </a:p>
        </p:txBody>
      </p:sp>
      <p:sp>
        <p:nvSpPr>
          <p:cNvPr id="7190" name="Source"/>
          <p:cNvSpPr>
            <a:spLocks noGrp="1"/>
          </p:cNvSpPr>
          <p:nvPr>
            <p:custDataLst>
              <p:tags r:id="rId3"/>
            </p:custDataLst>
          </p:nvPr>
        </p:nvSpPr>
        <p:spPr bwMode="auto">
          <a:xfrm>
            <a:off x="5056188" y="2705100"/>
            <a:ext cx="1925637" cy="7064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6000" tIns="46796" rIns="36000" bIns="46796"/>
          <a:lstStyle>
            <a:lvl1pPr marL="182563" indent="-182563"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>
              <a:spcBef>
                <a:spcPts val="475"/>
              </a:spcBef>
              <a:buClrTx/>
              <a:buSzPct val="100000"/>
            </a:pPr>
            <a:r>
              <a:rPr lang="en-ZA" altLang="ja-JP" sz="1000">
                <a:solidFill>
                  <a:srgbClr val="FFFFFF"/>
                </a:solidFill>
              </a:rPr>
              <a:t>Integrate Security Cluster operations and processes</a:t>
            </a:r>
          </a:p>
          <a:p>
            <a:pPr>
              <a:spcBef>
                <a:spcPts val="475"/>
              </a:spcBef>
              <a:buClrTx/>
              <a:buSzPct val="100000"/>
            </a:pPr>
            <a:r>
              <a:rPr lang="en-ZA" altLang="ja-JP" sz="1000">
                <a:solidFill>
                  <a:srgbClr val="FFFFFF"/>
                </a:solidFill>
              </a:rPr>
              <a:t>Implement integrated ICT system supported by operational integration</a:t>
            </a:r>
          </a:p>
          <a:p>
            <a:pPr>
              <a:spcBef>
                <a:spcPts val="475"/>
              </a:spcBef>
              <a:buClrTx/>
              <a:buSzPct val="100000"/>
            </a:pPr>
            <a:r>
              <a:rPr lang="en-ZA" altLang="ja-JP" sz="1000">
                <a:solidFill>
                  <a:srgbClr val="FFFFFF"/>
                </a:solidFill>
              </a:rPr>
              <a:t>Explore unification of police forces</a:t>
            </a:r>
          </a:p>
        </p:txBody>
      </p:sp>
      <p:sp>
        <p:nvSpPr>
          <p:cNvPr id="30" name="Source"/>
          <p:cNvSpPr>
            <a:spLocks noGrp="1"/>
          </p:cNvSpPr>
          <p:nvPr>
            <p:custDataLst>
              <p:tags r:id="rId4"/>
            </p:custDataLst>
          </p:nvPr>
        </p:nvSpPr>
        <p:spPr bwMode="auto">
          <a:xfrm>
            <a:off x="7070725" y="2705100"/>
            <a:ext cx="1924050" cy="706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36000" tIns="46796" rIns="36000" bIns="46796"/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6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809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400">
                <a:solidFill>
                  <a:schemeClr val="tx1"/>
                </a:solidFill>
                <a:latin typeface="Verdana" pitchFamily="34" charset="0"/>
              </a:defRPr>
            </a:lvl3pPr>
            <a:lvl4pPr marL="1144588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4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182563" indent="-182563">
              <a:spcBef>
                <a:spcPts val="300"/>
              </a:spcBef>
              <a:spcAft>
                <a:spcPts val="0"/>
              </a:spcAft>
              <a:buClrTx/>
              <a:buSzPct val="100000"/>
              <a:buFont typeface="Verdana"/>
              <a:buChar char="•"/>
              <a:defRPr/>
            </a:pPr>
            <a:r>
              <a:rPr lang="en-ZA" altLang="ja-JP" sz="1000" dirty="0">
                <a:solidFill>
                  <a:srgbClr val="FFFFFF"/>
                </a:solidFill>
              </a:rPr>
              <a:t>Exchange intelligence and information</a:t>
            </a:r>
          </a:p>
          <a:p>
            <a:pPr marL="182563" indent="-182563">
              <a:spcBef>
                <a:spcPts val="300"/>
              </a:spcBef>
              <a:spcAft>
                <a:spcPts val="0"/>
              </a:spcAft>
              <a:buClrTx/>
              <a:buSzPct val="100000"/>
              <a:buFont typeface="Verdana"/>
              <a:buChar char="•"/>
              <a:defRPr/>
            </a:pPr>
            <a:r>
              <a:rPr lang="en-ZA" altLang="ja-JP" sz="1000" dirty="0">
                <a:solidFill>
                  <a:srgbClr val="FFFFFF"/>
                </a:solidFill>
              </a:rPr>
              <a:t>Cooperate in crisis management</a:t>
            </a:r>
          </a:p>
          <a:p>
            <a:pPr marL="182563" indent="-182563">
              <a:spcBef>
                <a:spcPts val="300"/>
              </a:spcBef>
              <a:spcAft>
                <a:spcPts val="0"/>
              </a:spcAft>
              <a:buClrTx/>
              <a:buSzPct val="100000"/>
              <a:buFont typeface="Verdana"/>
              <a:buChar char="•"/>
              <a:defRPr/>
            </a:pPr>
            <a:r>
              <a:rPr lang="en-ZA" altLang="ja-JP" sz="1000" dirty="0">
                <a:solidFill>
                  <a:srgbClr val="FFFFFF"/>
                </a:solidFill>
              </a:rPr>
              <a:t>Share best practices in fighting crime </a:t>
            </a:r>
          </a:p>
          <a:p>
            <a:pPr marL="0" indent="0">
              <a:spcBef>
                <a:spcPts val="300"/>
              </a:spcBef>
              <a:spcAft>
                <a:spcPts val="0"/>
              </a:spcAft>
              <a:buClrTx/>
              <a:buSzPct val="100000"/>
              <a:buFont typeface="Verdana"/>
              <a:buChar char="•"/>
              <a:defRPr/>
            </a:pPr>
            <a:endParaRPr lang="en-ZA" altLang="ja-JP" sz="1200" b="1" dirty="0" smtClean="0">
              <a:solidFill>
                <a:srgbClr val="FFFFFF"/>
              </a:solidFill>
            </a:endParaRPr>
          </a:p>
        </p:txBody>
      </p:sp>
      <p:sp>
        <p:nvSpPr>
          <p:cNvPr id="7192" name="Source"/>
          <p:cNvSpPr>
            <a:spLocks noGrp="1"/>
          </p:cNvSpPr>
          <p:nvPr/>
        </p:nvSpPr>
        <p:spPr bwMode="auto">
          <a:xfrm>
            <a:off x="1003300" y="5075238"/>
            <a:ext cx="8032750" cy="369887"/>
          </a:xfrm>
          <a:prstGeom prst="rect">
            <a:avLst/>
          </a:prstGeom>
          <a:solidFill>
            <a:srgbClr val="DDDDDD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/>
          <a:lstStyle>
            <a:lvl1pPr defTabSz="981075">
              <a:spcBef>
                <a:spcPct val="40000"/>
              </a:spcBef>
              <a:buClr>
                <a:schemeClr val="tx1"/>
              </a:buClr>
              <a:buSzPts val="2400"/>
              <a:buFont typeface="Verdana" panose="020B0604030504040204" pitchFamily="34" charset="0"/>
              <a:buChar char="•"/>
              <a:defRPr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1pPr>
            <a:lvl2pPr marL="742950" indent="-285750" defTabSz="981075">
              <a:spcBef>
                <a:spcPct val="20000"/>
              </a:spcBef>
              <a:buClr>
                <a:schemeClr val="tx1"/>
              </a:buClr>
              <a:buSzPts val="2200"/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2pPr>
            <a:lvl3pPr marL="1143000" indent="-228600" defTabSz="981075">
              <a:spcBef>
                <a:spcPct val="20000"/>
              </a:spcBef>
              <a:buClr>
                <a:schemeClr val="tx1"/>
              </a:buClr>
              <a:buSzPts val="2200"/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3pPr>
            <a:lvl4pPr marL="1600200" indent="-228600" defTabSz="981075">
              <a:spcBef>
                <a:spcPct val="20000"/>
              </a:spcBef>
              <a:buClr>
                <a:schemeClr val="tx1"/>
              </a:buClr>
              <a:buFont typeface="Verdana" panose="020B0604030504040204" pitchFamily="34" charset="0"/>
              <a:buChar char="-"/>
              <a:defRPr sz="16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4pPr>
            <a:lvl5pPr marL="2057400" indent="-228600" defTabSz="981075">
              <a:spcBef>
                <a:spcPct val="20000"/>
              </a:spcBef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20000"/>
              </a:spcBef>
              <a:spcAft>
                <a:spcPct val="0"/>
              </a:spcAft>
              <a:buFont typeface="Arial" panose="020B0604020202020204" pitchFamily="34" charset="0"/>
              <a:buChar char="»"/>
              <a:defRPr sz="2200">
                <a:solidFill>
                  <a:schemeClr val="tx1"/>
                </a:solidFill>
                <a:latin typeface="Verdana" panose="020B0604030504040204" pitchFamily="34" charset="0"/>
                <a:ea typeface="ＭＳ Ｐゴシック" panose="020B0600070205080204" pitchFamily="34" charset="-128"/>
              </a:defRPr>
            </a:lvl9pPr>
          </a:lstStyle>
          <a:p>
            <a:pPr algn="ctr">
              <a:spcBef>
                <a:spcPct val="0"/>
              </a:spcBef>
              <a:buClrTx/>
              <a:buSzPct val="100000"/>
              <a:buFont typeface="Verdana" panose="020B0604030504040204" pitchFamily="34" charset="0"/>
              <a:buNone/>
            </a:pPr>
            <a:r>
              <a:rPr lang="en-GB" altLang="en-US" sz="1200" b="1">
                <a:solidFill>
                  <a:srgbClr val="000000"/>
                </a:solidFill>
              </a:rPr>
              <a:t>Operating principles, skills, training and professionalization</a:t>
            </a:r>
          </a:p>
          <a:p>
            <a:pPr algn="ctr" eaLnBrk="1" hangingPunct="1">
              <a:spcBef>
                <a:spcPct val="0"/>
              </a:spcBef>
              <a:buClrTx/>
              <a:buSzPct val="100000"/>
              <a:buFontTx/>
              <a:buNone/>
            </a:pPr>
            <a:r>
              <a:rPr lang="en-ZA" altLang="en-US" sz="800" i="1">
                <a:solidFill>
                  <a:srgbClr val="000000"/>
                </a:solidFill>
              </a:rPr>
              <a:t>(Sizing, number of layers, level of specialization, how to deploy resources/equipment in differentiated way, standardized and optimized processes )</a:t>
            </a:r>
            <a:endParaRPr lang="en-GB" altLang="en-US" sz="800" i="1">
              <a:solidFill>
                <a:srgbClr val="000000"/>
              </a:solidFill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3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26482819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5" name="BainBulletsConfiguration" hidden="1"/>
          <p:cNvSpPr txBox="1">
            <a:spLocks noChangeArrowheads="1"/>
          </p:cNvSpPr>
          <p:nvPr/>
        </p:nvSpPr>
        <p:spPr bwMode="auto">
          <a:xfrm>
            <a:off x="12700" y="12700"/>
            <a:ext cx="8890000" cy="904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5997" tIns="35997" rIns="35997" bIns="35997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en-GB" altLang="en-US" sz="100">
                <a:solidFill>
                  <a:srgbClr val="FFFFFF"/>
                </a:solidFill>
              </a:rPr>
              <a:t>4_85 22_85 23_85 24_85 25_85</a:t>
            </a:r>
          </a:p>
        </p:txBody>
      </p:sp>
      <p:sp>
        <p:nvSpPr>
          <p:cNvPr id="13316" name="Source"/>
          <p:cNvSpPr>
            <a:spLocks noGrp="1"/>
          </p:cNvSpPr>
          <p:nvPr/>
        </p:nvSpPr>
        <p:spPr bwMode="auto">
          <a:xfrm>
            <a:off x="2124075" y="1268413"/>
            <a:ext cx="1511300" cy="720725"/>
          </a:xfrm>
          <a:prstGeom prst="rect">
            <a:avLst/>
          </a:prstGeom>
          <a:solidFill>
            <a:srgbClr val="0070C0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 anchor="ctr"/>
          <a:lstStyle>
            <a:lvl1pPr marL="173038" indent="-173038"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1pPr>
            <a:lvl2pPr marL="742950" indent="-285750"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2pPr>
            <a:lvl3pPr marL="1143000" indent="-228600"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3pPr>
            <a:lvl4pPr marL="1600200" indent="-228600"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4pPr>
            <a:lvl5pPr marL="2057400" indent="-228600"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9pPr>
          </a:lstStyle>
          <a:p>
            <a:pPr algn="ctr">
              <a:spcBef>
                <a:spcPct val="40000"/>
              </a:spcBef>
              <a:buClr>
                <a:schemeClr val="tx1"/>
              </a:buClr>
              <a:buSzPct val="100000"/>
              <a:buFont typeface="Verdana" panose="020B0604030504040204" pitchFamily="34" charset="0"/>
              <a:buNone/>
            </a:pPr>
            <a:r>
              <a:rPr lang="en-GB" altLang="en-US" sz="1200" b="1">
                <a:solidFill>
                  <a:schemeClr val="bg2"/>
                </a:solidFill>
              </a:rPr>
              <a:t>Operating principles and procedures</a:t>
            </a:r>
          </a:p>
        </p:txBody>
      </p:sp>
      <p:sp>
        <p:nvSpPr>
          <p:cNvPr id="13317" name="Source"/>
          <p:cNvSpPr>
            <a:spLocks noGrp="1"/>
          </p:cNvSpPr>
          <p:nvPr/>
        </p:nvSpPr>
        <p:spPr bwMode="auto">
          <a:xfrm>
            <a:off x="179388" y="1268413"/>
            <a:ext cx="1512887" cy="720725"/>
          </a:xfrm>
          <a:prstGeom prst="rect">
            <a:avLst/>
          </a:prstGeom>
          <a:solidFill>
            <a:srgbClr val="0070C0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 anchor="ctr"/>
          <a:lstStyle>
            <a:lvl1pPr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1pPr>
            <a:lvl2pPr marL="742950" indent="-285750"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2pPr>
            <a:lvl3pPr marL="1143000" indent="-228600"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3pPr>
            <a:lvl4pPr marL="1600200" indent="-228600"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4pPr>
            <a:lvl5pPr marL="2057400" indent="-228600" defTabSz="981075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5pPr>
            <a:lvl6pPr marL="25146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6pPr>
            <a:lvl7pPr marL="29718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7pPr>
            <a:lvl8pPr marL="34290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8pPr>
            <a:lvl9pPr marL="3886200" indent="-228600" defTabSz="9810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9pPr>
          </a:lstStyle>
          <a:p>
            <a:pPr algn="ctr">
              <a:buFont typeface="Verdana" panose="020B0604030504040204" pitchFamily="34" charset="0"/>
              <a:buNone/>
            </a:pPr>
            <a:r>
              <a:rPr lang="en-ZA" altLang="ja-JP" sz="1200" b="1" dirty="0">
                <a:solidFill>
                  <a:schemeClr val="bg2"/>
                </a:solidFill>
              </a:rPr>
              <a:t>SAPS organisation and culture</a:t>
            </a:r>
          </a:p>
        </p:txBody>
      </p:sp>
      <p:sp>
        <p:nvSpPr>
          <p:cNvPr id="13318" name="Source"/>
          <p:cNvSpPr>
            <a:spLocks noGrp="1"/>
          </p:cNvSpPr>
          <p:nvPr/>
        </p:nvSpPr>
        <p:spPr bwMode="auto">
          <a:xfrm>
            <a:off x="3924300" y="1268413"/>
            <a:ext cx="1511300" cy="720725"/>
          </a:xfrm>
          <a:prstGeom prst="rect">
            <a:avLst/>
          </a:prstGeom>
          <a:solidFill>
            <a:srgbClr val="0070C0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 anchor="ctr"/>
          <a:lstStyle>
            <a:lvl1pPr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/>
            <a:r>
              <a:rPr lang="en-ZA" altLang="en-US" sz="1200" b="1" noProof="1">
                <a:solidFill>
                  <a:schemeClr val="bg2"/>
                </a:solidFill>
              </a:rPr>
              <a:t>Equipment and infrastructure</a:t>
            </a:r>
          </a:p>
        </p:txBody>
      </p:sp>
      <p:sp>
        <p:nvSpPr>
          <p:cNvPr id="13319" name="Source"/>
          <p:cNvSpPr>
            <a:spLocks noGrp="1"/>
          </p:cNvSpPr>
          <p:nvPr/>
        </p:nvSpPr>
        <p:spPr bwMode="auto">
          <a:xfrm>
            <a:off x="5724525" y="1268413"/>
            <a:ext cx="1511300" cy="720725"/>
          </a:xfrm>
          <a:prstGeom prst="rect">
            <a:avLst/>
          </a:prstGeom>
          <a:solidFill>
            <a:srgbClr val="0070C0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 anchor="ctr"/>
          <a:lstStyle>
            <a:lvl1pPr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/>
            <a:r>
              <a:rPr lang="en-ZA" altLang="en-US" sz="1200" b="1" noProof="1">
                <a:solidFill>
                  <a:schemeClr val="bg2"/>
                </a:solidFill>
              </a:rPr>
              <a:t>Training and learning</a:t>
            </a:r>
          </a:p>
        </p:txBody>
      </p:sp>
      <p:sp>
        <p:nvSpPr>
          <p:cNvPr id="13320" name="Source"/>
          <p:cNvSpPr>
            <a:spLocks noGrp="1"/>
          </p:cNvSpPr>
          <p:nvPr/>
        </p:nvSpPr>
        <p:spPr bwMode="auto">
          <a:xfrm>
            <a:off x="7451725" y="1268413"/>
            <a:ext cx="1512888" cy="720725"/>
          </a:xfrm>
          <a:prstGeom prst="rect">
            <a:avLst/>
          </a:prstGeom>
          <a:solidFill>
            <a:srgbClr val="0070C0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46796" rIns="0" bIns="46796" anchor="ctr"/>
          <a:lstStyle>
            <a:lvl1pPr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/>
            <a:r>
              <a:rPr lang="en-ZA" altLang="en-US" sz="1200" b="1" noProof="1">
                <a:solidFill>
                  <a:schemeClr val="bg2"/>
                </a:solidFill>
              </a:rPr>
              <a:t>Legislative and regulatory framework</a:t>
            </a:r>
          </a:p>
        </p:txBody>
      </p:sp>
      <p:sp>
        <p:nvSpPr>
          <p:cNvPr id="13321" name="TextBox 3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34925" y="2128838"/>
            <a:ext cx="1873250" cy="45005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6000" tIns="36000" rIns="36000" bIns="36000">
            <a:spAutoFit/>
          </a:bodyPr>
          <a:lstStyle>
            <a:lvl1pPr marL="182563" indent="-182563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1pPr>
            <a:lvl2pPr marL="449263" indent="-182563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altLang="en-US" sz="1200" dirty="0"/>
              <a:t>Leadership fit (Sr. management)</a:t>
            </a:r>
          </a:p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altLang="en-US" sz="1200" dirty="0"/>
              <a:t>Competencies and skills assessment (esp. Commissioned officers)</a:t>
            </a:r>
            <a:endParaRPr lang="en-US" altLang="en-US" sz="1200" dirty="0"/>
          </a:p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altLang="en-US" sz="1200" dirty="0"/>
              <a:t>Organisation structure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Specialized units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Sizing</a:t>
            </a:r>
          </a:p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altLang="en-US" sz="1200" dirty="0"/>
              <a:t>Values and code of ethics/ conduct</a:t>
            </a:r>
          </a:p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altLang="en-US" sz="1200" dirty="0"/>
              <a:t>Performance management and consequence management</a:t>
            </a:r>
          </a:p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altLang="en-US" sz="1200" dirty="0"/>
              <a:t>Internal affairs, complaints management (IPID)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Staffing, resources, autonomy,…</a:t>
            </a:r>
          </a:p>
          <a:p>
            <a:pPr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None/>
            </a:pPr>
            <a:endParaRPr lang="en-US" altLang="en-US" sz="1200" dirty="0"/>
          </a:p>
        </p:txBody>
      </p:sp>
      <p:sp>
        <p:nvSpPr>
          <p:cNvPr id="22" name="TextBox 21"/>
          <p:cNvSpPr txBox="1"/>
          <p:nvPr>
            <p:custDataLst>
              <p:tags r:id="rId2"/>
            </p:custDataLst>
          </p:nvPr>
        </p:nvSpPr>
        <p:spPr>
          <a:xfrm>
            <a:off x="2051050" y="2128838"/>
            <a:ext cx="1728788" cy="3801929"/>
          </a:xfrm>
          <a:prstGeom prst="rect">
            <a:avLst/>
          </a:prstGeom>
          <a:noFill/>
        </p:spPr>
        <p:txBody>
          <a:bodyPr lIns="36000" tIns="36000" rIns="36000" bIns="36000">
            <a:spAutoFit/>
          </a:bodyPr>
          <a:lstStyle/>
          <a:p>
            <a:pPr marL="182563" indent="-182563" fontAlgn="auto">
              <a:spcBef>
                <a:spcPts val="576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  <a:defRPr/>
            </a:pPr>
            <a:r>
              <a:rPr lang="en-GB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Intelligence, planning, tactical options decision</a:t>
            </a:r>
          </a:p>
          <a:p>
            <a:pPr marL="182563" indent="-182563" fontAlgn="auto">
              <a:spcBef>
                <a:spcPts val="576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  <a:defRPr/>
            </a:pPr>
            <a:r>
              <a:rPr lang="en-GB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ommand and control</a:t>
            </a:r>
          </a:p>
          <a:p>
            <a:pPr marL="182563" indent="-182563" fontAlgn="auto">
              <a:spcBef>
                <a:spcPts val="576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  <a:defRPr/>
            </a:pPr>
            <a:r>
              <a:rPr lang="en-GB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ommunications protocol</a:t>
            </a:r>
          </a:p>
          <a:p>
            <a:pPr marL="182563" indent="-182563" fontAlgn="auto">
              <a:spcBef>
                <a:spcPts val="576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  <a:defRPr/>
            </a:pPr>
            <a:r>
              <a:rPr lang="en-GB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Engagement rules and use of force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Line and distance management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Negotiations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Arrest procedures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Physical, mechanical, deadly force</a:t>
            </a:r>
          </a:p>
          <a:p>
            <a:pPr marL="182563" indent="-182563" fontAlgn="auto">
              <a:spcBef>
                <a:spcPts val="576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  <a:defRPr/>
            </a:pPr>
            <a:r>
              <a:rPr lang="en-GB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Briefing/ debriefing </a:t>
            </a:r>
          </a:p>
          <a:p>
            <a:pPr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None/>
              <a:defRPr/>
            </a:pPr>
            <a:endParaRPr lang="en-US" sz="1200" dirty="0">
              <a:latin typeface="+mn-lt"/>
              <a:ea typeface="+mn-ea"/>
            </a:endParaRPr>
          </a:p>
        </p:txBody>
      </p:sp>
      <p:sp>
        <p:nvSpPr>
          <p:cNvPr id="23" name="TextBox 22"/>
          <p:cNvSpPr txBox="1"/>
          <p:nvPr>
            <p:custDataLst>
              <p:tags r:id="rId3"/>
            </p:custDataLst>
          </p:nvPr>
        </p:nvSpPr>
        <p:spPr>
          <a:xfrm>
            <a:off x="3851275" y="2128838"/>
            <a:ext cx="1800225" cy="4227687"/>
          </a:xfrm>
          <a:prstGeom prst="rect">
            <a:avLst/>
          </a:prstGeom>
          <a:noFill/>
        </p:spPr>
        <p:txBody>
          <a:bodyPr lIns="36000" tIns="36000" rIns="36000" bIns="36000">
            <a:spAutoFit/>
          </a:bodyPr>
          <a:lstStyle/>
          <a:p>
            <a:pPr marL="182563" indent="-182563" fontAlgn="auto">
              <a:spcBef>
                <a:spcPts val="576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  <a:defRPr/>
            </a:pPr>
            <a:r>
              <a:rPr lang="en-GB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Gear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Shield, armour, vest, helmet</a:t>
            </a:r>
          </a:p>
          <a:p>
            <a:pPr marL="182563" indent="-182563" fontAlgn="auto">
              <a:spcBef>
                <a:spcPts val="576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  <a:defRPr/>
            </a:pPr>
            <a:r>
              <a:rPr lang="en-GB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Weapons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Specified rifles and ammunitions (POP)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Batons, spray, tear gas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Water cannons</a:t>
            </a:r>
          </a:p>
          <a:p>
            <a:pPr marL="182563" indent="-182563" fontAlgn="auto">
              <a:spcBef>
                <a:spcPts val="576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  <a:defRPr/>
            </a:pPr>
            <a:r>
              <a:rPr lang="en-GB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ommunication and evidences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Integrated radio </a:t>
            </a:r>
            <a:r>
              <a:rPr lang="en-GB" sz="1000" dirty="0" err="1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omm</a:t>
            </a: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, alternative channels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Video recording (vehicles, officers, helicopter, satellite)</a:t>
            </a:r>
          </a:p>
          <a:p>
            <a:pPr marL="182563" indent="-182563" fontAlgn="auto">
              <a:spcBef>
                <a:spcPts val="576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  <a:defRPr/>
            </a:pPr>
            <a:r>
              <a:rPr lang="en-GB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Vehicles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Armoured vehicles</a:t>
            </a:r>
          </a:p>
          <a:p>
            <a:pPr marL="449263" lvl="1" indent="-182563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r>
              <a:rPr lang="en-GB" sz="10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Mobile operational </a:t>
            </a:r>
            <a:r>
              <a:rPr lang="en-GB" sz="1000" dirty="0" err="1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enters</a:t>
            </a:r>
            <a:endParaRPr lang="en-GB" sz="10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  <a:p>
            <a:pPr indent="-190500" fontAlgn="auto">
              <a:spcBef>
                <a:spcPts val="240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  <a:defRPr/>
            </a:pPr>
            <a:endParaRPr lang="en-US" sz="1000" dirty="0">
              <a:latin typeface="+mn-lt"/>
              <a:ea typeface="+mn-ea"/>
            </a:endParaRPr>
          </a:p>
        </p:txBody>
      </p:sp>
      <p:sp>
        <p:nvSpPr>
          <p:cNvPr id="13324" name="TextBox 23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5724525" y="2128838"/>
            <a:ext cx="1727200" cy="3852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6000" tIns="36000" rIns="36000" bIns="36000">
            <a:spAutoFit/>
          </a:bodyPr>
          <a:lstStyle>
            <a:lvl1pPr marL="182563" indent="-182563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1pPr>
            <a:lvl2pPr marL="449263" indent="-182563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altLang="en-US" sz="1200" dirty="0"/>
              <a:t>Mandatory, periodic training programmes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Physical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Combat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Use of weapons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Policies and procedures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Team work, self control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Human rights, diversity, unconscious bias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Crisis resolution, safety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First aid</a:t>
            </a:r>
          </a:p>
          <a:p>
            <a:pPr lvl="1"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-"/>
            </a:pPr>
            <a:r>
              <a:rPr lang="en-GB" altLang="en-US" sz="1000" dirty="0"/>
              <a:t>… </a:t>
            </a:r>
          </a:p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altLang="en-US" sz="1200" dirty="0"/>
              <a:t>Knowledge management system</a:t>
            </a:r>
          </a:p>
          <a:p>
            <a:pPr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None/>
            </a:pPr>
            <a:endParaRPr lang="en-US" altLang="en-US" sz="1200" dirty="0"/>
          </a:p>
        </p:txBody>
      </p:sp>
      <p:sp>
        <p:nvSpPr>
          <p:cNvPr id="13325" name="TextBox 24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7410450" y="2128838"/>
            <a:ext cx="1698625" cy="1098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36000" tIns="36000" rIns="36000" bIns="36000">
            <a:spAutoFit/>
          </a:bodyPr>
          <a:lstStyle>
            <a:lvl1pPr marL="182563" indent="-182563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Verdana" panose="020B060403050404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altLang="en-US" sz="1200" dirty="0"/>
              <a:t>Police demilitarization </a:t>
            </a:r>
          </a:p>
          <a:p>
            <a:pPr eaLnBrk="1" hangingPunct="1">
              <a:spcBef>
                <a:spcPts val="575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altLang="en-US" sz="1200" dirty="0"/>
              <a:t>Police professionalization</a:t>
            </a:r>
          </a:p>
          <a:p>
            <a:pPr eaLnBrk="1" hangingPunct="1">
              <a:spcBef>
                <a:spcPts val="238"/>
              </a:spcBef>
              <a:buSzPct val="100000"/>
              <a:buFont typeface="Verdana" panose="020B0604030504040204" pitchFamily="34" charset="0"/>
              <a:buChar char="•"/>
            </a:pPr>
            <a:endParaRPr lang="en-US" altLang="en-US" sz="1200" dirty="0"/>
          </a:p>
        </p:txBody>
      </p:sp>
      <p:sp>
        <p:nvSpPr>
          <p:cNvPr id="13" name="TextBox 12"/>
          <p:cNvSpPr txBox="1"/>
          <p:nvPr/>
        </p:nvSpPr>
        <p:spPr>
          <a:xfrm>
            <a:off x="0" y="0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000" b="1" dirty="0" smtClean="0"/>
              <a:t>BACKGROUND: </a:t>
            </a:r>
            <a:r>
              <a:rPr lang="en-GB" altLang="en-US" sz="2000" dirty="0"/>
              <a:t>Key implications and points of attentions raised by </a:t>
            </a:r>
            <a:r>
              <a:rPr lang="en-GB" altLang="en-US" sz="2000" dirty="0" smtClean="0"/>
              <a:t>Farlam Commission</a:t>
            </a:r>
            <a:endParaRPr lang="en-ZA" sz="2000" b="1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4</a:t>
            </a:fld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393270590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5</a:t>
            </a:fld>
            <a:endParaRPr lang="en-ZA" dirty="0"/>
          </a:p>
        </p:txBody>
      </p:sp>
      <p:sp>
        <p:nvSpPr>
          <p:cNvPr id="6" name="Rectangle 5"/>
          <p:cNvSpPr/>
          <p:nvPr/>
        </p:nvSpPr>
        <p:spPr>
          <a:xfrm>
            <a:off x="397239" y="1351984"/>
            <a:ext cx="8349522" cy="455509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0"/>
              </a:spcAft>
            </a:pPr>
            <a:r>
              <a:rPr lang="en-ZA" sz="20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he </a:t>
            </a:r>
            <a:r>
              <a:rPr lang="en-ZA" sz="20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ask Team’s mandate</a:t>
            </a:r>
            <a:r>
              <a:rPr lang="en-ZA" sz="20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is to:</a:t>
            </a:r>
          </a:p>
          <a:p>
            <a:pPr marL="342900" lvl="1" indent="-342900" algn="just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en-ZA" sz="20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Investigate </a:t>
            </a:r>
            <a:r>
              <a:rPr lang="en-ZA" sz="20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he </a:t>
            </a:r>
            <a:r>
              <a:rPr lang="en-ZA" sz="20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world’s best practices &amp; measures available for use </a:t>
            </a:r>
            <a:r>
              <a:rPr lang="en-ZA" sz="20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regarding </a:t>
            </a:r>
            <a:r>
              <a:rPr lang="en-ZA" sz="20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icro-criminality &amp; syndicated crime</a:t>
            </a:r>
            <a:r>
              <a:rPr lang="en-ZA" sz="20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; </a:t>
            </a:r>
            <a:endParaRPr lang="en-ZA" sz="2000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0" lvl="1" algn="just">
              <a:lnSpc>
                <a:spcPct val="150000"/>
              </a:lnSpc>
            </a:pPr>
            <a:endParaRPr lang="en-ZA" sz="20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342900" lvl="1" indent="-342900" algn="just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en-ZA" sz="20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Formulate a proposal regarding the </a:t>
            </a:r>
            <a:r>
              <a:rPr lang="en-ZA" sz="20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other aspects of SAPS transformation</a:t>
            </a:r>
            <a:r>
              <a:rPr lang="en-ZA" sz="20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: organisation &amp; culture change, </a:t>
            </a:r>
            <a:r>
              <a:rPr lang="en-ZA" sz="20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professionalism &amp; demilitarisation; &amp;</a:t>
            </a:r>
          </a:p>
          <a:p>
            <a:pPr marL="0" lvl="1" algn="just">
              <a:lnSpc>
                <a:spcPct val="150000"/>
              </a:lnSpc>
            </a:pPr>
            <a:endParaRPr lang="en-ZA" sz="20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342900" lvl="1" indent="-342900" algn="just">
              <a:lnSpc>
                <a:spcPct val="150000"/>
              </a:lnSpc>
              <a:buFont typeface="Wingdings" panose="05000000000000000000" pitchFamily="2" charset="2"/>
              <a:buChar char="Ø"/>
            </a:pPr>
            <a:r>
              <a:rPr lang="en-ZA" sz="20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Receive &amp; integrate recommendations from an independent panel of experts, &amp; prepare an </a:t>
            </a:r>
            <a:r>
              <a:rPr lang="en-ZA" sz="20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integrated plan for SAPS’s transformation</a:t>
            </a:r>
            <a:r>
              <a:rPr lang="en-ZA" sz="20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.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0" y="65316"/>
            <a:ext cx="886641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000" b="1" dirty="0" smtClean="0"/>
              <a:t>BACKGROUND: </a:t>
            </a:r>
            <a:r>
              <a:rPr lang="en-ZA" sz="2000" dirty="0" smtClean="0"/>
              <a:t>Scope  of the Ministerial Transformation Task Team </a:t>
            </a:r>
            <a:endParaRPr lang="en-ZA" sz="2000" dirty="0"/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164285111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6</a:t>
            </a:fld>
            <a:endParaRPr lang="en-ZA"/>
          </a:p>
        </p:txBody>
      </p:sp>
      <p:sp>
        <p:nvSpPr>
          <p:cNvPr id="5" name="TextBox 4"/>
          <p:cNvSpPr txBox="1"/>
          <p:nvPr/>
        </p:nvSpPr>
        <p:spPr>
          <a:xfrm>
            <a:off x="312776" y="882706"/>
            <a:ext cx="8573437" cy="58939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/>
              <a:t> </a:t>
            </a:r>
            <a:endParaRPr lang="en-ZA" dirty="0"/>
          </a:p>
          <a:p>
            <a:pPr marL="285750" lvl="0" indent="-285750">
              <a:buFont typeface="Wingdings" panose="05000000000000000000" pitchFamily="2" charset="2"/>
              <a:buChar char="Ø"/>
            </a:pP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trengthen the criminal justice system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- A safe South Africa will not be achieved without a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trong criminal justice system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. </a:t>
            </a:r>
          </a:p>
          <a:p>
            <a:pPr marL="285750" lvl="0" indent="-285750">
              <a:buFont typeface="Wingdings" panose="05000000000000000000" pitchFamily="2" charset="2"/>
              <a:buChar char="Ø"/>
            </a:pPr>
            <a:endParaRPr lang="en-US" sz="19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285750" lvl="0" indent="-285750">
              <a:buFont typeface="Wingdings" panose="05000000000000000000" pitchFamily="2" charset="2"/>
              <a:buChar char="Ø"/>
            </a:pPr>
            <a:r>
              <a:rPr lang="en-US" sz="19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Make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he police service professional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- A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professional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police service is essential for a strong criminal justice system. </a:t>
            </a:r>
          </a:p>
          <a:p>
            <a:pPr marL="285750" lvl="0" indent="-285750">
              <a:buFont typeface="Wingdings" panose="05000000000000000000" pitchFamily="2" charset="2"/>
              <a:buChar char="Ø"/>
            </a:pPr>
            <a:endParaRPr lang="en-US" sz="1900" b="1" dirty="0" smtClean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285750" lvl="0" indent="-285750">
              <a:buFont typeface="Wingdings" panose="05000000000000000000" pitchFamily="2" charset="2"/>
              <a:buChar char="Ø"/>
            </a:pPr>
            <a:r>
              <a:rPr lang="en-US" sz="1900" b="1" dirty="0" err="1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Demilitarise</a:t>
            </a:r>
            <a:r>
              <a:rPr lang="en-US" sz="19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he police service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- </a:t>
            </a:r>
            <a:r>
              <a:rPr lang="en-US" sz="19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he 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NDP indicates that the police should be </a:t>
            </a:r>
            <a:r>
              <a:rPr lang="en-US" sz="1900" dirty="0" err="1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demilitarised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to turn the force into a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ivilian, professional </a:t>
            </a:r>
            <a:r>
              <a:rPr lang="en-US" sz="19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ervice.</a:t>
            </a:r>
            <a:endParaRPr lang="en-ZA" sz="19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285750" lvl="0" indent="-285750">
              <a:buFont typeface="Wingdings" panose="05000000000000000000" pitchFamily="2" charset="2"/>
              <a:buChar char="Ø"/>
            </a:pPr>
            <a:endParaRPr lang="en-ZA" sz="19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285750" lvl="0" indent="-285750">
              <a:buFont typeface="Wingdings" panose="05000000000000000000" pitchFamily="2" charset="2"/>
              <a:buChar char="Ø"/>
            </a:pPr>
            <a:r>
              <a:rPr lang="en-US" sz="19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Build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afety  using an  integrated  approach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 - Achieving long-term,  sustainable safety  requires  an  integrated  approach   focused  on 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ackling the  fundamental causes of criminality. </a:t>
            </a:r>
            <a:endParaRPr lang="en-ZA" sz="19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285750" lvl="0" indent="-285750">
              <a:buFont typeface="Wingdings" panose="05000000000000000000" pitchFamily="2" charset="2"/>
              <a:buChar char="Ø"/>
            </a:pPr>
            <a:endParaRPr lang="en-ZA" sz="1900" b="1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pPr marL="285750" lvl="0" indent="-285750">
              <a:buFont typeface="Wingdings" panose="05000000000000000000" pitchFamily="2" charset="2"/>
              <a:buChar char="Ø"/>
            </a:pPr>
            <a:r>
              <a:rPr lang="en-US" sz="19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Build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ommunity participation in community safety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- Civil society </a:t>
            </a:r>
            <a:r>
              <a:rPr lang="en-US" sz="1900" dirty="0" err="1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organisations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and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ivic participation are critical elements 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of a safe and secure society. Local government legislation provides for </a:t>
            </a:r>
            <a:r>
              <a:rPr lang="en-US" sz="19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establishing community safety centers </a:t>
            </a:r>
            <a:r>
              <a:rPr lang="en-US" sz="1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o enable safe, healthy communities. </a:t>
            </a:r>
            <a:endParaRPr lang="en-ZA" sz="19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  <a:p>
            <a:r>
              <a:rPr lang="en-US" dirty="0"/>
              <a:t> </a:t>
            </a:r>
            <a:endParaRPr lang="en-ZA" dirty="0"/>
          </a:p>
          <a:p>
            <a:endParaRPr lang="en-ZA" dirty="0"/>
          </a:p>
        </p:txBody>
      </p:sp>
      <p:sp>
        <p:nvSpPr>
          <p:cNvPr id="6" name="TextBox 5"/>
          <p:cNvSpPr txBox="1"/>
          <p:nvPr/>
        </p:nvSpPr>
        <p:spPr>
          <a:xfrm>
            <a:off x="312776" y="0"/>
            <a:ext cx="899541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0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BACKGROUND: </a:t>
            </a:r>
            <a:r>
              <a:rPr lang="en-ZA" sz="20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ummary of NDP Resolutions included in the scope   </a:t>
            </a:r>
            <a:endParaRPr lang="en-ZA" sz="20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</p:spTree>
    <p:extLst>
      <p:ext uri="{BB962C8B-B14F-4D97-AF65-F5344CB8AC3E}">
        <p14:creationId xmlns:p14="http://schemas.microsoft.com/office/powerpoint/2010/main" xmlns="" val="4241500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7</a:t>
            </a:fld>
            <a:endParaRPr lang="en-ZA"/>
          </a:p>
        </p:txBody>
      </p:sp>
      <p:sp>
        <p:nvSpPr>
          <p:cNvPr id="5" name="TextBox 4"/>
          <p:cNvSpPr txBox="1"/>
          <p:nvPr/>
        </p:nvSpPr>
        <p:spPr>
          <a:xfrm>
            <a:off x="899410" y="89940"/>
            <a:ext cx="6910466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0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Transformation Task Team  - </a:t>
            </a:r>
            <a:r>
              <a:rPr lang="en-ZA" sz="20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Phased implementation</a:t>
            </a:r>
            <a:endParaRPr lang="en-ZA" sz="20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graphicFrame>
        <p:nvGraphicFramePr>
          <p:cNvPr id="2" name="Diagram 1"/>
          <p:cNvGraphicFramePr/>
          <p:nvPr>
            <p:extLst>
              <p:ext uri="{D42A27DB-BD31-4B8C-83A1-F6EECF244321}">
                <p14:modId xmlns:p14="http://schemas.microsoft.com/office/powerpoint/2010/main" xmlns="" val="115704999"/>
              </p:ext>
            </p:extLst>
          </p:nvPr>
        </p:nvGraphicFramePr>
        <p:xfrm>
          <a:off x="0" y="1234440"/>
          <a:ext cx="9052560" cy="522478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</p:spTree>
    <p:extLst>
      <p:ext uri="{BB962C8B-B14F-4D97-AF65-F5344CB8AC3E}">
        <p14:creationId xmlns:p14="http://schemas.microsoft.com/office/powerpoint/2010/main" xmlns="" val="31452016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8</a:t>
            </a:fld>
            <a:endParaRPr lang="en-ZA"/>
          </a:p>
        </p:txBody>
      </p:sp>
      <p:sp>
        <p:nvSpPr>
          <p:cNvPr id="6" name="TextBox 5"/>
          <p:cNvSpPr txBox="1"/>
          <p:nvPr/>
        </p:nvSpPr>
        <p:spPr>
          <a:xfrm>
            <a:off x="1657350" y="58112"/>
            <a:ext cx="6686550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Implementation: </a:t>
            </a:r>
            <a:r>
              <a:rPr lang="en-ZA" sz="22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Progress Report (1)</a:t>
            </a:r>
            <a:endParaRPr lang="en-ZA" sz="22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2692487906"/>
              </p:ext>
            </p:extLst>
          </p:nvPr>
        </p:nvGraphicFramePr>
        <p:xfrm>
          <a:off x="121920" y="1245870"/>
          <a:ext cx="8907780" cy="52133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7029450" y="1620020"/>
            <a:ext cx="14859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dirty="0" smtClean="0">
                <a:solidFill>
                  <a:srgbClr val="FF0000"/>
                </a:solidFill>
              </a:rPr>
              <a:t>Finalised</a:t>
            </a:r>
            <a:endParaRPr lang="en-ZA" dirty="0">
              <a:solidFill>
                <a:srgbClr val="FF0000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7029450" y="2483220"/>
            <a:ext cx="14859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dirty="0" smtClean="0">
                <a:solidFill>
                  <a:srgbClr val="FF0000"/>
                </a:solidFill>
              </a:rPr>
              <a:t>In process</a:t>
            </a:r>
            <a:endParaRPr lang="en-ZA" dirty="0">
              <a:solidFill>
                <a:srgbClr val="FF0000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7029450" y="3346420"/>
            <a:ext cx="14859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dirty="0" smtClean="0">
                <a:solidFill>
                  <a:srgbClr val="FF0000"/>
                </a:solidFill>
              </a:rPr>
              <a:t>Finalised</a:t>
            </a:r>
            <a:endParaRPr lang="en-ZA" dirty="0">
              <a:solidFill>
                <a:srgbClr val="FF0000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7029450" y="4221582"/>
            <a:ext cx="14859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dirty="0" smtClean="0">
                <a:solidFill>
                  <a:srgbClr val="FF0000"/>
                </a:solidFill>
              </a:rPr>
              <a:t>Finalised</a:t>
            </a:r>
            <a:endParaRPr lang="en-ZA" dirty="0">
              <a:solidFill>
                <a:srgbClr val="FF0000"/>
              </a:solidFill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7029450" y="5058133"/>
            <a:ext cx="14859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dirty="0" smtClean="0">
                <a:solidFill>
                  <a:srgbClr val="FF0000"/>
                </a:solidFill>
              </a:rPr>
              <a:t>In operation</a:t>
            </a:r>
            <a:endParaRPr lang="en-ZA" dirty="0">
              <a:solidFill>
                <a:srgbClr val="FF0000"/>
              </a:solidFill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7029450" y="5894684"/>
            <a:ext cx="14859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dirty="0" smtClean="0">
                <a:solidFill>
                  <a:srgbClr val="FF0000"/>
                </a:solidFill>
              </a:rPr>
              <a:t>Finalised</a:t>
            </a:r>
            <a:endParaRPr lang="en-ZA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26926436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A2C8B4D-9EA4-46AC-8A16-9BDE6B986B07}" type="slidenum">
              <a:rPr lang="en-ZA" smtClean="0"/>
              <a:pPr/>
              <a:t>9</a:t>
            </a:fld>
            <a:endParaRPr lang="en-ZA"/>
          </a:p>
        </p:txBody>
      </p:sp>
      <p:sp>
        <p:nvSpPr>
          <p:cNvPr id="6" name="TextBox 5"/>
          <p:cNvSpPr txBox="1"/>
          <p:nvPr/>
        </p:nvSpPr>
        <p:spPr>
          <a:xfrm>
            <a:off x="1657350" y="58112"/>
            <a:ext cx="6686550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sz="2200" b="1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Implementation: </a:t>
            </a:r>
            <a:r>
              <a:rPr lang="en-ZA" sz="2200" dirty="0" smtClean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Progress Report (2)</a:t>
            </a:r>
            <a:endParaRPr lang="en-ZA" sz="2200" dirty="0"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2" name="Footer Placeholder 1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ZA" smtClean="0"/>
              <a:t>SECRET</a:t>
            </a:r>
            <a:endParaRPr lang="en-ZA" dirty="0"/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xmlns="" val="1257289019"/>
              </p:ext>
            </p:extLst>
          </p:nvPr>
        </p:nvGraphicFramePr>
        <p:xfrm>
          <a:off x="121920" y="1165860"/>
          <a:ext cx="8907780" cy="529336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8" name="TextBox 7"/>
          <p:cNvSpPr txBox="1"/>
          <p:nvPr/>
        </p:nvSpPr>
        <p:spPr>
          <a:xfrm>
            <a:off x="7029450" y="2483220"/>
            <a:ext cx="14859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dirty="0" smtClean="0">
                <a:solidFill>
                  <a:srgbClr val="FF0000"/>
                </a:solidFill>
              </a:rPr>
              <a:t>In process</a:t>
            </a:r>
            <a:endParaRPr lang="en-ZA" dirty="0">
              <a:solidFill>
                <a:srgbClr val="FF0000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029450" y="3992797"/>
            <a:ext cx="148590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dirty="0" smtClean="0">
                <a:solidFill>
                  <a:srgbClr val="FF0000"/>
                </a:solidFill>
              </a:rPr>
              <a:t>Draft finalised</a:t>
            </a:r>
            <a:endParaRPr lang="en-ZA" dirty="0">
              <a:solidFill>
                <a:srgbClr val="FF0000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7029450" y="5734233"/>
            <a:ext cx="14859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ZA" dirty="0" smtClean="0">
                <a:solidFill>
                  <a:srgbClr val="FF0000"/>
                </a:solidFill>
              </a:rPr>
              <a:t>In process</a:t>
            </a:r>
            <a:endParaRPr lang="en-ZA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189574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224245127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813556197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96505385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813556197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4122322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86941008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712171321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45150739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53160186"/>
</p:tagLst>
</file>

<file path=ppt/theme/theme1.xml><?xml version="1.0" encoding="utf-8"?>
<a:theme xmlns:a="http://schemas.openxmlformats.org/drawingml/2006/main" name="Custom Design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18596</TotalTime>
  <Words>1504</Words>
  <Application>Microsoft Office PowerPoint</Application>
  <PresentationFormat>On-screen Show (4:3)</PresentationFormat>
  <Paragraphs>278</Paragraphs>
  <Slides>21</Slides>
  <Notes>14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21</vt:i4>
      </vt:variant>
    </vt:vector>
  </HeadingPairs>
  <TitlesOfParts>
    <vt:vector size="22" baseType="lpstr">
      <vt:lpstr>Custom Design</vt:lpstr>
      <vt:lpstr>Slide 1</vt:lpstr>
      <vt:lpstr>Slide 2</vt:lpstr>
      <vt:lpstr>BACKGROUND: Transformation Strategic direction</vt:lpstr>
      <vt:lpstr>Slide 4</vt:lpstr>
      <vt:lpstr>Slide 5</vt:lpstr>
      <vt:lpstr>Slide 6</vt:lpstr>
      <vt:lpstr>Slide 7</vt:lpstr>
      <vt:lpstr>Slide 8</vt:lpstr>
      <vt:lpstr>Slide 9</vt:lpstr>
      <vt:lpstr>Slide 10</vt:lpstr>
      <vt:lpstr>Slide 11</vt:lpstr>
      <vt:lpstr>Slide 12</vt:lpstr>
      <vt:lpstr>Slide 13</vt:lpstr>
      <vt:lpstr>Slide 14</vt:lpstr>
      <vt:lpstr>Slide 15</vt:lpstr>
      <vt:lpstr>Slide 16</vt:lpstr>
      <vt:lpstr>Slide 17</vt:lpstr>
      <vt:lpstr>Slide 18</vt:lpstr>
      <vt:lpstr>Slide 19</vt:lpstr>
      <vt:lpstr>Slide 20</vt:lpstr>
      <vt:lpstr>Slide 21</vt:lpstr>
    </vt:vector>
  </TitlesOfParts>
  <Company>SAPS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Sewpersadh Nashrika</dc:creator>
  <cp:lastModifiedBy>PUMZA</cp:lastModifiedBy>
  <cp:revision>303</cp:revision>
  <cp:lastPrinted>2017-08-28T13:09:24Z</cp:lastPrinted>
  <dcterms:created xsi:type="dcterms:W3CDTF">2016-04-18T16:55:01Z</dcterms:created>
  <dcterms:modified xsi:type="dcterms:W3CDTF">2017-09-07T08:27:05Z</dcterms:modified>
</cp:coreProperties>
</file>